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9-2024 Kanyly\03. Príprava\06. PTK\01. Odoslané\"/>
    </mc:Choice>
  </mc:AlternateContent>
  <bookViews>
    <workbookView xWindow="0" yWindow="0" windowWidth="23040" windowHeight="9195"/>
  </bookViews>
  <sheets>
    <sheet name="PTK - Ponuka" sheetId="8" r:id="rId1"/>
  </sheets>
  <definedNames>
    <definedName name="_xlnm.Print_Area" localSheetId="0">'PTK - Ponuka'!$A$1:$F$25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7" uniqueCount="28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8.</t>
  </si>
  <si>
    <t>9.</t>
  </si>
  <si>
    <t>10.</t>
  </si>
  <si>
    <t>11.</t>
  </si>
  <si>
    <t>Kanyly</t>
  </si>
  <si>
    <t>33141220-8 Kanyly</t>
  </si>
  <si>
    <t>33196000-0 Zdravotné pomôcky</t>
  </si>
  <si>
    <t>33141230-1 Dilatátory</t>
  </si>
  <si>
    <t>Predmetom zákazky je dodanie kanýl, ktoré sú určené na napojenie pacienta na mimotelový obeh.</t>
  </si>
  <si>
    <t>Venózne kanyly typu "triple stage"</t>
  </si>
  <si>
    <t>Venózne kanyly  typu "single stage" rovné</t>
  </si>
  <si>
    <t>Venózne kanyly tvarovateľné</t>
  </si>
  <si>
    <t>Venózne pravoúhle kanyly s kovovým hrotom typu "single stage"</t>
  </si>
  <si>
    <t xml:space="preserve">Venózne pravoúhle kanyly s plastovým hrotom typu "single stage" </t>
  </si>
  <si>
    <t>Femorálne arteriálne kanyly nepoťahované</t>
  </si>
  <si>
    <t xml:space="preserve">Arteriálne kanyly pre kanyláciu oblúka - rovné </t>
  </si>
  <si>
    <t xml:space="preserve">Arteriálne kanyly pre kanyláciu oblúka - zahnuté </t>
  </si>
  <si>
    <t>Arteriálne kanyly pre kanyláciu do graftov</t>
  </si>
  <si>
    <t xml:space="preserve">Kanyly drenážne (venty k drenáži srdcových oddielov) </t>
  </si>
  <si>
    <t xml:space="preserve">Venózne kanylky </t>
  </si>
  <si>
    <t>Kanyly preplachové</t>
  </si>
  <si>
    <t>Odsávače</t>
  </si>
  <si>
    <t>Kardioplegické ihly</t>
  </si>
  <si>
    <t>Kardioplegické kanyly do koronárných artérií s pevnou rukoväťou s ukončením uhla 90º, 45º</t>
  </si>
  <si>
    <t>Kardioplegické kanyly do koronárných artérií v tvare flexibilnej hadičky s ukončením uhla 90º, 45º</t>
  </si>
  <si>
    <t xml:space="preserve">Kanyly na retrográdnu kardioplégiu  </t>
  </si>
  <si>
    <t xml:space="preserve">Multiperfúzne sety </t>
  </si>
  <si>
    <t>Femorálne venózne kanyly</t>
  </si>
  <si>
    <t>venózna kanyla musí byť typu “triple stage“,</t>
  </si>
  <si>
    <t>kanyla musí byť trojstupňová bez heparínovej  povrchovej úpravy,</t>
  </si>
  <si>
    <t>vo veľkosti 29/29/29, 29/46/37 alebo 29/37/37, 36/46/46 Fr,</t>
  </si>
  <si>
    <t>musí mať možnosť napojenia 3/8 konektora.</t>
  </si>
  <si>
    <t>venózna kanyla musí byť vystužená drôtom v celej dĺžke, musí byť priehľadná a rovná,</t>
  </si>
  <si>
    <t>variabilita veľkostí od 26 do 40 Fr,</t>
  </si>
  <si>
    <t>zakončená 3/8,</t>
  </si>
  <si>
    <t>musí mať vyznačenú orientačnú líniu a musí mať multiotvorový špic,</t>
  </si>
  <si>
    <t>dĺžka kanyly musí byť min. 38 cm a max. 45 cm.</t>
  </si>
  <si>
    <t>variabilita veľkostí od 26 do 34 Fr,</t>
  </si>
  <si>
    <t xml:space="preserve">venózna kanyla musí byť typu single, </t>
  </si>
  <si>
    <t xml:space="preserve">musí byť vystužená v celej dĺžke a musí byť opatrená kovovým hrotom, </t>
  </si>
  <si>
    <t>musí byť tenkostenná, jednoliata a nelepená,</t>
  </si>
  <si>
    <t>vo veľkosti 22, 24, 28, 31 Fr,</t>
  </si>
  <si>
    <t>hrúbka zakončenia kanyly 3/8,</t>
  </si>
  <si>
    <t>dĺžka kanyly musí byť min. 35 cm a max. 45 cm,</t>
  </si>
  <si>
    <t>uhol v distálnej časti musí byť 90°,</t>
  </si>
  <si>
    <t>hrot kanyly musí mať majákový tvar s viacerými bočnými otvormi,</t>
  </si>
  <si>
    <t>musí mať vyznačenú orientačnú líniu.</t>
  </si>
  <si>
    <t>venózna kanyla musí byť typu single pravouhlá,</t>
  </si>
  <si>
    <t>musí byť vystužená v celej dĺžke a musí obsahovať plastový hrot,</t>
  </si>
  <si>
    <t xml:space="preserve">musí byť tenkostenná, jednoliata a nelepená, </t>
  </si>
  <si>
    <t xml:space="preserve">variabilita veľkostí od 24, 26, 28, 30 do 40 Fr, </t>
  </si>
  <si>
    <t>hrúbka zakončenia kanyly musí byť 3/8,</t>
  </si>
  <si>
    <t>dĺžka kanyly musí byť min. 38 cm a max. 45 cm,</t>
  </si>
  <si>
    <t>ultratenkostenná alebo tenkostenná vyrobená technológiou Fem-Flex II, s interným dilatátorom alebo so zavádzačom,</t>
  </si>
  <si>
    <t>vystužená drôtom vo veľkosti 15-16, 17-18, 19-20, 21-22 Fr,</t>
  </si>
  <si>
    <t>3/8 konektor s T-portom, hrot-kúžeľovite zúžený alebo so zavádzačom kužeľovitého tvaru.</t>
  </si>
  <si>
    <t>kanyla musí byť tenkostenná, vystužená drôtom proti zalomeniu, s uzáverom-obturátorom,</t>
  </si>
  <si>
    <t>telo kanyly musí byť  flexibilné a spolu s prstencom umožňujúce presné polohovanie a fixáciu kanyly,</t>
  </si>
  <si>
    <t>hrot kanyly musí byť priehľadný, rovný s 3D difuzérom, umožňujúci zníženie difúzneho toku,</t>
  </si>
  <si>
    <t>tlakový gradient musí byť čo najnižší, max. 100mmHg,</t>
  </si>
  <si>
    <t>dĺžka kanyly musí byť min. 29 cm a max. 34 cm,</t>
  </si>
  <si>
    <t>vo veľkosti 20, 22 Fr,</t>
  </si>
  <si>
    <t>kanyla musí byť zakončená 3/8 konektorom s luer spojkou,</t>
  </si>
  <si>
    <t>kanyla musí mať bezpečný,  odvzdušňovací systém, umožňujúci  jednoduché naplnenie a odvzdušnenie kanyly.</t>
  </si>
  <si>
    <t>telo kanyly musí byť flexibilné a spolu s prstencom umožňujúce presné polohovanie a fixáciu kanyly,</t>
  </si>
  <si>
    <t>hrot kanyly musí byť priehľadný, zošikmený s 3D difuzérom, umožňujúci zníženie difúzneho toku,</t>
  </si>
  <si>
    <t>dĺžka kanyly musí byť min. 29 cm a max. 32 cm,</t>
  </si>
  <si>
    <t>vo veľkosti 20, 22, 24 Fr,</t>
  </si>
  <si>
    <t>kanyla musí mať bezpečný odvzdušňovací systém, umožňujúci  jednoduché naplnenie a odvzdušnenie kanyly.</t>
  </si>
  <si>
    <t xml:space="preserve">kanyla musí byť umelohmotná, tenkostenná a vystužená drôtom proti zalomeniu, </t>
  </si>
  <si>
    <t xml:space="preserve">telo kanyly musí byť flexibilné a spolu s prstencom, umožňujúce presné polohovanie a fixáciu kanyly, </t>
  </si>
  <si>
    <t>súčasťou kanyly musí byť zavádzač s tupým zakončením, bez vodiaceho drôtu,</t>
  </si>
  <si>
    <t xml:space="preserve">tlakový gradient musí byť čo najnižší, max.160mmHg, </t>
  </si>
  <si>
    <t xml:space="preserve">kanyla  musí byť zakončená 3/8 konektorom s luer spojkou, </t>
  </si>
  <si>
    <t xml:space="preserve">dĺžka kanyly musí byť min. 30 cm a max. 35 cm, </t>
  </si>
  <si>
    <t xml:space="preserve">vo veľkosti 18, 20, 22, 24 Fr (6-8 mm), </t>
  </si>
  <si>
    <t>kanyla musí mať odvzdušňovací systém umožňujúci  jednoduché naplnenie a odvzdušnenie kanyly.</t>
  </si>
  <si>
    <t>katéter musí obsahovať rovný flexibilný zavádzač - kovový zavádzač s pamäťou,</t>
  </si>
  <si>
    <t>musí mať konektor 1/4,</t>
  </si>
  <si>
    <t xml:space="preserve">musí obsahovať bočné perforačné otvory v dĺžke od 5,5 cm do 7 cm, </t>
  </si>
  <si>
    <t>celková dĺžka kanyly musí byť min. 38 cm a max. 45 cm,</t>
  </si>
  <si>
    <t>musí obsahovať orientačne značenie,</t>
  </si>
  <si>
    <t xml:space="preserve">veľkosť ventu musí byť 16 Fr,  20 Fr, </t>
  </si>
  <si>
    <t>spojenie mandrénu a silikónového katétra na konci musí byť bezskokové,</t>
  </si>
  <si>
    <t>distálne zakončenie musí byť opatrené guličkovým umelohmotným hrotom.</t>
  </si>
  <si>
    <t xml:space="preserve">umelohmotná kanylka určená na vena saphena magna a parva, </t>
  </si>
  <si>
    <t>bez ventilu.</t>
  </si>
  <si>
    <t>preplachová kanyla zakončená rozprašovačom,</t>
  </si>
  <si>
    <t>flexibilný kovový prútik v dĺžke od 14,5 cm do 16 cm, slúžiaci pre lepšiu pozíciu v operačnom poli, určený na zlepšenie vizualizácie distálnych častí anastomóz,</t>
  </si>
  <si>
    <t>plastová úchopová rukoväť pre lepšie držania od 12 cm do 14 cm,</t>
  </si>
  <si>
    <t>prehľadná hadica v dĺžke min. 280 cm, na ktorej musí byť samostatná tlačka pre CO2, ukončená filtrom pre CO2 a spojkou pre napojenie CO2,</t>
  </si>
  <si>
    <t>prehľadná hadica v dĺžke min. 280 cm, na ktorej musí byť samostatná tlačka pre preplach a ventil (regulátor) na reguláciu F1/ukončený napichovacím tŕňom.</t>
  </si>
  <si>
    <t>čistý vysávač, vo veľkosti od 20 do 24 Fr.</t>
  </si>
  <si>
    <t>požadujú sa kanyly určené na použitie pri operáciách s mimotelovým obehom na podávanie kardioplegických roztokov do srdca a súčasne sa pomocou nich odvzdušňuje srdce po ukončení operácie,</t>
  </si>
  <si>
    <t>kardioplegická ihla musí byť priehľadná,</t>
  </si>
  <si>
    <t>umelohmotná,</t>
  </si>
  <si>
    <t>dvojramenná,</t>
  </si>
  <si>
    <t>jedno rameno vystužené ihlou a luerovou koncovkou,</t>
  </si>
  <si>
    <t>druhé rameno s tlačkou (na uzáver ramena) a ukončené 1/4 koncovkou,</t>
  </si>
  <si>
    <t>požadované priemery: 14 Ga (7 Fr) a 16 Ga (5 Fr),</t>
  </si>
  <si>
    <t xml:space="preserve">
na konci ihly tzv. „suture flange" štvorcového tvaru s dvomi zárezmi pre niť na fixáciu ihly,
</t>
  </si>
  <si>
    <t>dĺžka od 14 cm do 15 cm,</t>
  </si>
  <si>
    <t>sterilné balenie: 1 ks,</t>
  </si>
  <si>
    <t>obal musí obsahovať minimálne: názov, veľkosť, expiráciu, katalógové číslo.</t>
  </si>
  <si>
    <t>kanyla do ústí koronárných artérii,</t>
  </si>
  <si>
    <t>veľkosť od 10 Fr do14 Fr,</t>
  </si>
  <si>
    <t>hrot kanyly musí obsahovať zberný kôš – tzv. angle tip,</t>
  </si>
  <si>
    <t>distálný úsek kanyly zahnutý v uhle 45º, 90º,</t>
  </si>
  <si>
    <t>telo kanyly musí byť z kovového materiálu,</t>
  </si>
  <si>
    <t>celková dĺžka od 19 cm do 21 cm,</t>
  </si>
  <si>
    <t>ukončenie kanyly luer lock alebo konicky.</t>
  </si>
  <si>
    <t>kanyla - celá v tvare hadičky, bez rukoväti,</t>
  </si>
  <si>
    <t>konické ústie do vencovitých artérií v uhle 90º, 45º,</t>
  </si>
  <si>
    <t>veľkosť od 10 Fr do 14 Fr, alebo od 4,0; 5,0; 6,0 mm do 7,0 mm;</t>
  </si>
  <si>
    <t>dĺžka od 20 cm do 29 cm,</t>
  </si>
  <si>
    <t>ukončenie flexibilnej kanyly konickým balónikom od 4,0 mm do 8,0 mm.</t>
  </si>
  <si>
    <t>telo kanyly PVC s antiretrakčným lúmenom,</t>
  </si>
  <si>
    <t>rôzne veľkosti minimálne však 14 Fr a 15 Fr,</t>
  </si>
  <si>
    <t>uzavretým ukončením kanyly s bočnými drenačnými otvormi,</t>
  </si>
  <si>
    <t>musí obsahovať samonafukovateľný texturovaný PUR balón s priemerom minimálne 18 mm.</t>
  </si>
  <si>
    <t>umelohmotný, štvorramenný,</t>
  </si>
  <si>
    <t>celková dĺžka od 37 cm do 40 cm,</t>
  </si>
  <si>
    <t>adaptér pozostáva z min. 4 ramien: 
- tri ramená v dĺžke od  24 cm do 27 cm, 
- jedno rameno v dĺžke od 7 cm do 8 cm,</t>
  </si>
  <si>
    <t xml:space="preserve">každé rameno ukončené závitom luer lock, </t>
  </si>
  <si>
    <t xml:space="preserve">každé rameno má tlačku, </t>
  </si>
  <si>
    <t>v silikónovom prevedení,</t>
  </si>
  <si>
    <t>s možnosťou s kanylkou na safénu 3 ks, aj bez kanylky.</t>
  </si>
  <si>
    <t>jednostupňová kanyla venózna kanyla,</t>
  </si>
  <si>
    <t xml:space="preserve">vo veľkososti 17-18, 19-20, 21-22, 23-24, 25-26, 27-28, 29-30, </t>
  </si>
  <si>
    <t xml:space="preserve">vystužená drôtom, </t>
  </si>
  <si>
    <t>s interným dilatátorom, alebo so zavádzačom kuželovitého tvaru,</t>
  </si>
  <si>
    <t xml:space="preserve">ukončená konektorom 3/8, alebo konektorom 1/2 s adaptérom na 3/8, </t>
  </si>
  <si>
    <t>pracovná dĺžka od min. 48 cm do max. 69 cm (podľa veľkosti kanyly),</t>
  </si>
  <si>
    <t>celková dĺžka od min. 64 cm do max. 87 cm (podľa veľkosti kanyly).</t>
  </si>
  <si>
    <t>Časť č. 1</t>
  </si>
  <si>
    <t>Časť č. 2</t>
  </si>
  <si>
    <t>Časť č. 3</t>
  </si>
  <si>
    <t>Časť č. 4</t>
  </si>
  <si>
    <t>Časť č. 5</t>
  </si>
  <si>
    <t>Časť č. 6</t>
  </si>
  <si>
    <t>Časť č. 7</t>
  </si>
  <si>
    <t>Časť č. 8</t>
  </si>
  <si>
    <t>Časť č. 9</t>
  </si>
  <si>
    <t>Časť č. 10</t>
  </si>
  <si>
    <t>Časť č. 11</t>
  </si>
  <si>
    <t>Časť č. 12</t>
  </si>
  <si>
    <t>Časť č. 13</t>
  </si>
  <si>
    <t>Časť č. 14</t>
  </si>
  <si>
    <t>Časť č. 15</t>
  </si>
  <si>
    <t>Časť č. 16</t>
  </si>
  <si>
    <t>Časť č. 17</t>
  </si>
  <si>
    <t>Časť č. 18</t>
  </si>
  <si>
    <t>Časť č. 19</t>
  </si>
  <si>
    <t>Predpokladané množstvo MJ za zmluvné obdobie
36 mesiacov</t>
  </si>
  <si>
    <t>Požaduje sa uzatvorenie Rámcovej dohody, a to na dohodnuté zmluvné obdobie,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3.1</t>
  </si>
  <si>
    <t>3.2</t>
  </si>
  <si>
    <t>3.3</t>
  </si>
  <si>
    <t>3.4</t>
  </si>
  <si>
    <t>12.</t>
  </si>
  <si>
    <t>13.</t>
  </si>
  <si>
    <t>14.</t>
  </si>
  <si>
    <t>15.</t>
  </si>
  <si>
    <t>16.</t>
  </si>
  <si>
    <t>17.</t>
  </si>
  <si>
    <t>18.</t>
  </si>
  <si>
    <r>
      <t xml:space="preserve">Verejný obstarávateľ si v rámci kontroly splnenia osobitných požiadaviek vyhradzuje právo vyžiadať doručenie vzoriek za účelom ich testovania v plnej prevádzke objednávateľa - </t>
    </r>
    <r>
      <rPr>
        <b/>
        <sz val="10"/>
        <rFont val="Arial"/>
        <family val="2"/>
        <charset val="238"/>
      </rPr>
      <t>funkčných vzoriek</t>
    </r>
    <r>
      <rPr>
        <sz val="10"/>
        <rFont val="Arial"/>
        <family val="2"/>
        <charset val="238"/>
      </rPr>
      <t xml:space="preserve"> všetkých ponúkaných produktov v minimálnom počte 2 ks (t.j. 2 ks pre každú požadovanú položku predmetu zákazky v príslušnej časti) za účelom ich testovania v plnej prevádzke verejného obstarávateľa. Požaduje sa viditeľná identifikácia a označenie každej predloženej vzorky, na základe ktorých verejný obstarávateľ jednoznačne identifikuje, ku ktorej požadovanej položke predmetu zákazky bola vzorka predložená. </t>
    </r>
    <r>
      <rPr>
        <b/>
        <sz val="10"/>
        <rFont val="Arial"/>
        <family val="2"/>
        <charset val="238"/>
      </rPr>
      <t>Dodávateľ vzorky v ponuke nepredkladá, vzorky bude predkladať len na základe obdržania e-mailovej výzvy od verejného obstarávateľa v rámci procesu vyhodnocovania ponúk.</t>
    </r>
  </si>
  <si>
    <t>Časť č. 20</t>
  </si>
  <si>
    <t xml:space="preserve">Venózne kanyly predsieňové dvojstupňové nepoťahované </t>
  </si>
  <si>
    <t xml:space="preserve">Časť č. 1 - Venózne kanyly predsieňové dvojstupňové nepoťahované </t>
  </si>
  <si>
    <t>vo veľkosti 28/36-38, 32-33/40-43, 36/46 Fr,</t>
  </si>
  <si>
    <t>zakončenie kanyly 1/2 konektorom.</t>
  </si>
  <si>
    <t>Časť č. 2 - Venózne kanyly typu "triple stage"</t>
  </si>
  <si>
    <t>Časť č. 3 - Venózne kanyly  typu "single stage" rovné</t>
  </si>
  <si>
    <t>Časť č. 4 - Venózne kanyly tvarovateľné</t>
  </si>
  <si>
    <t xml:space="preserve">Časť č. 5 - Venózne pravoúhle kanyly s kovovým hrotom typu "single stage" </t>
  </si>
  <si>
    <t xml:space="preserve">Časť č. 6 - Venózne pravoúhle kanyly s plastovým hrotom typu "single stage" </t>
  </si>
  <si>
    <t>Časť č. 7 - Femorálne arteriálne kanyly nepoťahované</t>
  </si>
  <si>
    <t xml:space="preserve">Časť č. 8 - Arteriálne kanyly pre kanyláciu oblúka - rovné </t>
  </si>
  <si>
    <t xml:space="preserve">Časť č. 9 - Arteriálne kanyly pre kanyláciu oblúka - zahnuté </t>
  </si>
  <si>
    <t>Časť č. 10 - Arteriálne kanyly pre kanyláciu do graftov</t>
  </si>
  <si>
    <t xml:space="preserve">Časť č. 11 - Kanyly drenážne (venty k drenáži srdcových oddielov) </t>
  </si>
  <si>
    <t xml:space="preserve">Časť č. 12 - Venózne kanylky </t>
  </si>
  <si>
    <t>Časť č. 13 - Kanyly preplachové</t>
  </si>
  <si>
    <t>Časť č. 14 - Odsávače</t>
  </si>
  <si>
    <t>Časť č. 15 - Kardioplegické ihly</t>
  </si>
  <si>
    <t>Časť č. 16 - Kardioplegické kanyly do koronárných artérií s pevnou rukoväťou s ukončením uhla 90º, 45º</t>
  </si>
  <si>
    <t>Časť č. 17 - Kardioplegické kanyly do koronárných artérií v tvare flexibilnej hadičky s ukončením uhla 90º, 45º</t>
  </si>
  <si>
    <t xml:space="preserve">Časť č. 18 - Kanyly na retrográdnu kardioplégiu  </t>
  </si>
  <si>
    <t xml:space="preserve">Časť č. 19 - Multiperfúzne sety </t>
  </si>
  <si>
    <t>Časť č. 20 - Femorálne venózne kanyl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7">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medium">
        <color indexed="64"/>
      </top>
      <bottom style="thin">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top style="thin">
        <color auto="1"/>
      </top>
      <bottom style="medium">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1">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2" fillId="0" borderId="13"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center" vertical="center"/>
    </xf>
    <xf numFmtId="49" fontId="4" fillId="0" borderId="8" xfId="0" applyNumberFormat="1" applyFont="1" applyFill="1" applyBorder="1" applyAlignment="1" applyProtection="1">
      <alignment vertical="center" wrapText="1"/>
    </xf>
    <xf numFmtId="49" fontId="4" fillId="0" borderId="13" xfId="0" applyNumberFormat="1" applyFont="1" applyFill="1" applyBorder="1" applyAlignment="1" applyProtection="1">
      <alignment vertical="center" wrapText="1"/>
    </xf>
    <xf numFmtId="49" fontId="2" fillId="0" borderId="9" xfId="0" applyNumberFormat="1" applyFont="1" applyBorder="1" applyAlignment="1" applyProtection="1">
      <alignment horizontal="center" vertical="center"/>
    </xf>
    <xf numFmtId="0" fontId="2" fillId="0" borderId="16" xfId="0" applyNumberFormat="1" applyFont="1" applyBorder="1" applyAlignment="1" applyProtection="1">
      <alignment horizontal="center" vertical="center" wrapText="1"/>
      <protection locked="0"/>
    </xf>
    <xf numFmtId="0" fontId="4" fillId="0" borderId="29" xfId="0" applyFont="1" applyFill="1" applyBorder="1" applyAlignment="1" applyProtection="1">
      <alignment vertical="center" wrapText="1"/>
      <protection locked="0"/>
    </xf>
    <xf numFmtId="0" fontId="4" fillId="0" borderId="3" xfId="0" applyFont="1" applyFill="1" applyBorder="1" applyAlignment="1" applyProtection="1">
      <alignment vertical="center" wrapText="1"/>
      <protection locked="0"/>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49" fontId="3" fillId="5" borderId="6" xfId="0" applyNumberFormat="1" applyFont="1" applyFill="1" applyBorder="1" applyAlignment="1" applyProtection="1">
      <alignment horizontal="left" vertical="center"/>
      <protection locked="0"/>
    </xf>
    <xf numFmtId="49" fontId="3" fillId="5" borderId="8" xfId="0" applyNumberFormat="1" applyFont="1" applyFill="1" applyBorder="1" applyAlignment="1" applyProtection="1">
      <alignment horizontal="left" vertical="center"/>
      <protection locked="0"/>
    </xf>
    <xf numFmtId="49" fontId="3" fillId="5" borderId="7" xfId="0" applyNumberFormat="1" applyFont="1" applyFill="1" applyBorder="1" applyAlignment="1" applyProtection="1">
      <alignment horizontal="left" vertical="center"/>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3" xfId="0" applyFont="1" applyFill="1" applyBorder="1" applyAlignment="1" applyProtection="1">
      <alignment horizontal="center" vertical="center" wrapText="1"/>
      <protection locked="0"/>
    </xf>
    <xf numFmtId="0" fontId="2" fillId="0" borderId="33" xfId="0"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2" fillId="6" borderId="8" xfId="0" applyFont="1" applyFill="1" applyBorder="1" applyAlignment="1" applyProtection="1">
      <alignment vertical="center" wrapText="1"/>
      <protection locked="0"/>
    </xf>
    <xf numFmtId="0" fontId="4" fillId="6" borderId="3" xfId="0" applyFont="1" applyFill="1" applyBorder="1" applyAlignment="1" applyProtection="1">
      <alignment horizontal="left" vertical="center" wrapText="1"/>
      <protection locked="0"/>
    </xf>
    <xf numFmtId="0" fontId="4" fillId="6" borderId="4" xfId="0" applyFont="1" applyFill="1" applyBorder="1" applyAlignment="1" applyProtection="1">
      <alignment horizontal="left" vertical="center" wrapText="1"/>
      <protection locked="0"/>
    </xf>
    <xf numFmtId="0" fontId="4" fillId="6" borderId="3" xfId="0" applyFont="1" applyFill="1" applyBorder="1" applyAlignment="1" applyProtection="1">
      <alignment horizontal="left" vertical="center" wrapText="1"/>
      <protection locked="0"/>
    </xf>
    <xf numFmtId="0" fontId="4" fillId="6" borderId="4" xfId="0" applyFont="1" applyFill="1" applyBorder="1" applyAlignment="1" applyProtection="1">
      <alignment horizontal="left" vertical="center" wrapText="1"/>
      <protection locked="0"/>
    </xf>
    <xf numFmtId="3" fontId="4" fillId="6" borderId="8" xfId="0" applyNumberFormat="1" applyFont="1" applyFill="1" applyBorder="1" applyAlignment="1" applyProtection="1">
      <alignment horizontal="center" vertical="center" wrapText="1"/>
      <protection locked="0"/>
    </xf>
    <xf numFmtId="49" fontId="5" fillId="5" borderId="32" xfId="0" applyNumberFormat="1" applyFont="1" applyFill="1" applyBorder="1" applyAlignment="1" applyProtection="1">
      <alignment horizontal="left" vertical="center" wrapText="1"/>
      <protection locked="0"/>
    </xf>
    <xf numFmtId="49" fontId="5" fillId="5" borderId="35" xfId="0" applyNumberFormat="1" applyFont="1" applyFill="1" applyBorder="1" applyAlignment="1" applyProtection="1">
      <alignment horizontal="left" vertical="center" wrapText="1"/>
      <protection locked="0"/>
    </xf>
    <xf numFmtId="49" fontId="5" fillId="5" borderId="36" xfId="0" applyNumberFormat="1" applyFont="1" applyFill="1" applyBorder="1" applyAlignment="1" applyProtection="1">
      <alignment horizontal="left" vertical="center" wrapText="1"/>
      <protection locked="0"/>
    </xf>
    <xf numFmtId="49" fontId="2" fillId="0" borderId="6" xfId="0" applyNumberFormat="1" applyFont="1" applyFill="1" applyBorder="1" applyAlignment="1" applyProtection="1">
      <alignment horizontal="center" vertical="center" wrapText="1"/>
      <protection locked="0"/>
    </xf>
    <xf numFmtId="0" fontId="4" fillId="0" borderId="25" xfId="0" applyFont="1" applyFill="1" applyBorder="1" applyAlignment="1" applyProtection="1">
      <alignment vertical="center" wrapText="1"/>
      <protection locked="0"/>
    </xf>
    <xf numFmtId="49" fontId="2" fillId="0" borderId="30" xfId="0" applyNumberFormat="1" applyFont="1" applyFill="1" applyBorder="1" applyAlignment="1" applyProtection="1">
      <alignment horizontal="center" vertical="center" wrapText="1"/>
      <protection locked="0"/>
    </xf>
    <xf numFmtId="0" fontId="4" fillId="0" borderId="26" xfId="0" applyFont="1" applyFill="1" applyBorder="1" applyAlignment="1" applyProtection="1">
      <alignment vertical="center" wrapText="1"/>
      <protection locked="0"/>
    </xf>
    <xf numFmtId="49" fontId="2" fillId="0" borderId="31" xfId="0" applyNumberFormat="1" applyFont="1" applyFill="1" applyBorder="1" applyAlignment="1" applyProtection="1">
      <alignment horizontal="right" vertical="center" wrapText="1"/>
      <protection locked="0"/>
    </xf>
    <xf numFmtId="0" fontId="4" fillId="6" borderId="27" xfId="0" applyFont="1" applyFill="1" applyBorder="1" applyAlignment="1" applyProtection="1">
      <alignment vertical="center" wrapText="1"/>
      <protection locked="0"/>
    </xf>
    <xf numFmtId="0" fontId="4" fillId="0" borderId="27" xfId="0" applyFont="1" applyFill="1" applyBorder="1" applyAlignment="1" applyProtection="1">
      <alignment vertical="center" wrapText="1"/>
      <protection locked="0"/>
    </xf>
    <xf numFmtId="0" fontId="4" fillId="0" borderId="28" xfId="0" applyFont="1" applyFill="1" applyBorder="1" applyAlignment="1" applyProtection="1">
      <alignment vertical="center" wrapText="1"/>
      <protection locked="0"/>
    </xf>
    <xf numFmtId="0" fontId="4" fillId="6" borderId="3" xfId="0" applyFont="1" applyFill="1" applyBorder="1" applyAlignment="1" applyProtection="1">
      <alignment vertical="center" wrapText="1"/>
      <protection locked="0"/>
    </xf>
    <xf numFmtId="49" fontId="2" fillId="0" borderId="32" xfId="0" applyNumberFormat="1" applyFont="1" applyFill="1" applyBorder="1" applyAlignment="1" applyProtection="1">
      <alignment horizontal="center" vertical="center" wrapText="1"/>
      <protection locked="0"/>
    </xf>
    <xf numFmtId="49" fontId="2" fillId="0" borderId="9" xfId="0" applyNumberFormat="1" applyFont="1" applyFill="1" applyBorder="1" applyAlignment="1" applyProtection="1">
      <alignment horizontal="center" vertical="center" wrapText="1"/>
      <protection locked="0"/>
    </xf>
    <xf numFmtId="0" fontId="4" fillId="0" borderId="34" xfId="0" applyFont="1" applyFill="1" applyBorder="1" applyAlignment="1" applyProtection="1">
      <alignment vertical="center" wrapText="1"/>
      <protection locked="0"/>
    </xf>
    <xf numFmtId="49" fontId="2" fillId="0" borderId="15" xfId="0" applyNumberFormat="1" applyFont="1" applyFill="1" applyBorder="1" applyAlignment="1" applyProtection="1">
      <alignment horizontal="center" vertical="center" wrapText="1"/>
      <protection locked="0"/>
    </xf>
    <xf numFmtId="0" fontId="2" fillId="6" borderId="16" xfId="0" applyFont="1" applyFill="1" applyBorder="1" applyAlignment="1" applyProtection="1">
      <alignment horizontal="left" vertical="center" wrapText="1"/>
      <protection locked="0"/>
    </xf>
    <xf numFmtId="0" fontId="3" fillId="6" borderId="8" xfId="0" applyFont="1" applyFill="1" applyBorder="1" applyAlignment="1" applyProtection="1">
      <alignment horizontal="left" vertical="center" wrapText="1"/>
      <protection locked="0"/>
    </xf>
    <xf numFmtId="49" fontId="2" fillId="6" borderId="6" xfId="0" applyNumberFormat="1" applyFont="1" applyFill="1" applyBorder="1" applyAlignment="1" applyProtection="1">
      <alignment horizontal="center" vertical="center" wrapText="1"/>
      <protection locked="0"/>
    </xf>
    <xf numFmtId="0" fontId="2" fillId="6" borderId="8" xfId="0"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center" vertical="center" wrapText="1"/>
      <protection locked="0"/>
    </xf>
    <xf numFmtId="0" fontId="4" fillId="6" borderId="13"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1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1</xdr:row>
          <xdr:rowOff>9525</xdr:rowOff>
        </xdr:from>
        <xdr:to>
          <xdr:col>1</xdr:col>
          <xdr:colOff>885825</xdr:colOff>
          <xdr:row>5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52</xdr:row>
          <xdr:rowOff>0</xdr:rowOff>
        </xdr:from>
        <xdr:to>
          <xdr:col>1</xdr:col>
          <xdr:colOff>885825</xdr:colOff>
          <xdr:row>5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264"/>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22" t="s">
        <v>42</v>
      </c>
      <c r="C1" s="122"/>
      <c r="D1" s="122"/>
      <c r="E1" s="122"/>
      <c r="F1" s="122"/>
    </row>
    <row r="2" spans="2:6" s="12" customFormat="1" ht="27.75" customHeight="1" x14ac:dyDescent="0.2">
      <c r="B2" s="132" t="s">
        <v>40</v>
      </c>
      <c r="C2" s="132"/>
      <c r="D2" s="132"/>
      <c r="E2" s="132"/>
      <c r="F2" s="132"/>
    </row>
    <row r="3" spans="2:6" s="12" customFormat="1" ht="54.75" customHeight="1" x14ac:dyDescent="0.2">
      <c r="B3" s="128" t="s">
        <v>45</v>
      </c>
      <c r="C3" s="128"/>
      <c r="D3" s="128"/>
      <c r="E3" s="128"/>
      <c r="F3" s="128"/>
    </row>
    <row r="4" spans="2:6" ht="24.95" customHeight="1" x14ac:dyDescent="0.2">
      <c r="B4" s="13" t="s">
        <v>44</v>
      </c>
      <c r="C4" s="14"/>
      <c r="D4" s="68"/>
      <c r="E4" s="68"/>
      <c r="F4" s="68"/>
    </row>
    <row r="5" spans="2:6" ht="24.95" customHeight="1" x14ac:dyDescent="0.2">
      <c r="B5" s="13" t="s">
        <v>43</v>
      </c>
      <c r="C5" s="15"/>
      <c r="D5" s="68"/>
      <c r="E5" s="68"/>
      <c r="F5" s="68"/>
    </row>
    <row r="6" spans="2:6" ht="15.75" customHeight="1" x14ac:dyDescent="0.2">
      <c r="B6" s="68"/>
      <c r="C6" s="68"/>
      <c r="D6" s="68"/>
      <c r="E6" s="68"/>
      <c r="F6" s="68"/>
    </row>
    <row r="7" spans="2:6" s="16" customFormat="1" ht="20.100000000000001" customHeight="1" x14ac:dyDescent="0.25">
      <c r="B7" s="82" t="s">
        <v>4</v>
      </c>
      <c r="C7" s="82"/>
      <c r="D7" s="82"/>
      <c r="E7" s="82"/>
      <c r="F7" s="82"/>
    </row>
    <row r="8" spans="2:6" s="16" customFormat="1" ht="20.100000000000001" customHeight="1" x14ac:dyDescent="0.25">
      <c r="B8" s="129" t="s">
        <v>8</v>
      </c>
      <c r="C8" s="129"/>
      <c r="D8" s="129"/>
      <c r="E8" s="129"/>
      <c r="F8" s="129"/>
    </row>
    <row r="9" spans="2:6" ht="21" customHeight="1" x14ac:dyDescent="0.2">
      <c r="B9" s="130" t="s">
        <v>73</v>
      </c>
      <c r="C9" s="130"/>
      <c r="D9" s="130"/>
      <c r="E9" s="130"/>
      <c r="F9" s="130"/>
    </row>
    <row r="10" spans="2:6" ht="4.5" customHeight="1" x14ac:dyDescent="0.2">
      <c r="B10" s="17"/>
      <c r="C10" s="17"/>
      <c r="D10" s="17"/>
      <c r="E10" s="17"/>
      <c r="F10" s="17"/>
    </row>
    <row r="11" spans="2:6" s="16" customFormat="1" ht="20.100000000000001" customHeight="1" x14ac:dyDescent="0.25">
      <c r="B11" s="131" t="s">
        <v>9</v>
      </c>
      <c r="C11" s="131"/>
      <c r="D11" s="131"/>
      <c r="E11" s="131"/>
      <c r="F11" s="131"/>
    </row>
    <row r="12" spans="2:6" s="19" customFormat="1" ht="20.100000000000001" customHeight="1" x14ac:dyDescent="0.25">
      <c r="B12" s="123" t="s">
        <v>74</v>
      </c>
      <c r="C12" s="123"/>
      <c r="D12" s="123"/>
      <c r="E12" s="18"/>
      <c r="F12" s="18"/>
    </row>
    <row r="13" spans="2:6" s="19" customFormat="1" ht="20.100000000000001" customHeight="1" x14ac:dyDescent="0.25">
      <c r="B13" s="123" t="s">
        <v>75</v>
      </c>
      <c r="C13" s="123"/>
      <c r="D13" s="123"/>
      <c r="E13" s="18"/>
      <c r="F13" s="18"/>
    </row>
    <row r="14" spans="2:6" s="19" customFormat="1" ht="20.100000000000001" customHeight="1" x14ac:dyDescent="0.25">
      <c r="B14" s="123" t="s">
        <v>76</v>
      </c>
      <c r="C14" s="123"/>
      <c r="D14" s="123"/>
      <c r="E14" s="18"/>
      <c r="F14" s="18"/>
    </row>
    <row r="15" spans="2:6" s="19" customFormat="1" ht="20.100000000000001" customHeight="1" x14ac:dyDescent="0.25">
      <c r="B15" s="123" t="s">
        <v>59</v>
      </c>
      <c r="C15" s="123"/>
      <c r="D15" s="123"/>
      <c r="E15" s="18"/>
      <c r="F15" s="18"/>
    </row>
    <row r="16" spans="2:6" ht="4.5" customHeight="1" x14ac:dyDescent="0.2">
      <c r="B16" s="67"/>
      <c r="C16" s="67"/>
      <c r="D16" s="67"/>
      <c r="E16" s="17"/>
      <c r="F16" s="17"/>
    </row>
    <row r="17" spans="2:6" ht="20.100000000000001" customHeight="1" x14ac:dyDescent="0.2">
      <c r="B17" s="20" t="s">
        <v>10</v>
      </c>
      <c r="C17" s="21"/>
      <c r="D17" s="21"/>
      <c r="E17" s="22"/>
      <c r="F17" s="22"/>
    </row>
    <row r="18" spans="2:6" s="25" customFormat="1" ht="24.95" customHeight="1" x14ac:dyDescent="0.25">
      <c r="B18" s="127" t="s">
        <v>52</v>
      </c>
      <c r="C18" s="127"/>
      <c r="D18" s="127"/>
      <c r="E18" s="23"/>
      <c r="F18" s="24"/>
    </row>
    <row r="19" spans="2:6" ht="5.0999999999999996" customHeight="1" x14ac:dyDescent="0.2">
      <c r="B19" s="125"/>
      <c r="C19" s="125"/>
      <c r="D19" s="125"/>
      <c r="F19" s="27"/>
    </row>
    <row r="20" spans="2:6" s="16" customFormat="1" ht="20.100000000000001" customHeight="1" x14ac:dyDescent="0.25">
      <c r="B20" s="82" t="s">
        <v>22</v>
      </c>
      <c r="C20" s="82"/>
      <c r="D20" s="82"/>
      <c r="E20" s="82"/>
      <c r="F20" s="82"/>
    </row>
    <row r="21" spans="2:6" ht="27" customHeight="1" x14ac:dyDescent="0.2">
      <c r="B21" s="124" t="s">
        <v>77</v>
      </c>
      <c r="C21" s="124"/>
      <c r="D21" s="124"/>
      <c r="E21" s="124"/>
      <c r="F21" s="124"/>
    </row>
    <row r="22" spans="2:6" ht="5.0999999999999996" customHeight="1" x14ac:dyDescent="0.2">
      <c r="B22" s="125"/>
      <c r="C22" s="125"/>
      <c r="D22" s="125"/>
      <c r="F22" s="27"/>
    </row>
    <row r="23" spans="2:6" s="16" customFormat="1" ht="20.100000000000001" customHeight="1" x14ac:dyDescent="0.25">
      <c r="B23" s="82" t="s">
        <v>23</v>
      </c>
      <c r="C23" s="82"/>
      <c r="D23" s="82"/>
      <c r="E23" s="82"/>
      <c r="F23" s="82"/>
    </row>
    <row r="24" spans="2:6" s="28" customFormat="1" ht="20.100000000000001" customHeight="1" x14ac:dyDescent="0.25">
      <c r="B24" s="126" t="s">
        <v>5</v>
      </c>
      <c r="C24" s="126"/>
      <c r="D24" s="126"/>
      <c r="E24" s="126"/>
      <c r="F24" s="126"/>
    </row>
    <row r="25" spans="2:6" s="28" customFormat="1" ht="20.100000000000001" customHeight="1" x14ac:dyDescent="0.25">
      <c r="B25" s="99" t="s">
        <v>16</v>
      </c>
      <c r="C25" s="100"/>
      <c r="D25" s="69"/>
      <c r="E25" s="69"/>
      <c r="F25" s="69"/>
    </row>
    <row r="26" spans="2:6" s="28" customFormat="1" ht="20.100000000000001" customHeight="1" x14ac:dyDescent="0.25">
      <c r="B26" s="29"/>
      <c r="C26" s="29" t="s">
        <v>20</v>
      </c>
      <c r="D26" s="69"/>
      <c r="E26" s="69"/>
      <c r="F26" s="69"/>
    </row>
    <row r="27" spans="2:6" s="28" customFormat="1" ht="20.100000000000001" customHeight="1" x14ac:dyDescent="0.25">
      <c r="B27" s="29"/>
      <c r="C27" s="29" t="s">
        <v>21</v>
      </c>
      <c r="D27" s="69"/>
      <c r="E27" s="69"/>
      <c r="F27" s="69"/>
    </row>
    <row r="28" spans="2:6" s="28" customFormat="1" ht="20.100000000000001" customHeight="1" x14ac:dyDescent="0.25">
      <c r="B28" s="99" t="s">
        <v>17</v>
      </c>
      <c r="C28" s="100"/>
      <c r="D28" s="69"/>
      <c r="E28" s="69"/>
      <c r="F28" s="69"/>
    </row>
    <row r="29" spans="2:6" s="28" customFormat="1" ht="53.25" customHeight="1" x14ac:dyDescent="0.25">
      <c r="B29" s="30" t="s">
        <v>18</v>
      </c>
      <c r="C29" s="101" t="s">
        <v>12</v>
      </c>
      <c r="D29" s="102"/>
      <c r="E29" s="31" t="s">
        <v>11</v>
      </c>
      <c r="F29" s="31" t="s">
        <v>222</v>
      </c>
    </row>
    <row r="30" spans="2:6" s="28" customFormat="1" ht="24.95" customHeight="1" x14ac:dyDescent="0.25">
      <c r="B30" s="133" t="s">
        <v>203</v>
      </c>
      <c r="C30" s="134" t="s">
        <v>258</v>
      </c>
      <c r="D30" s="135"/>
      <c r="E30" s="32" t="s">
        <v>1</v>
      </c>
      <c r="F30" s="138">
        <v>1585</v>
      </c>
    </row>
    <row r="31" spans="2:6" s="28" customFormat="1" ht="24.95" customHeight="1" x14ac:dyDescent="0.25">
      <c r="B31" s="133" t="s">
        <v>204</v>
      </c>
      <c r="C31" s="134" t="s">
        <v>78</v>
      </c>
      <c r="D31" s="135"/>
      <c r="E31" s="32" t="s">
        <v>1</v>
      </c>
      <c r="F31" s="138">
        <v>12</v>
      </c>
    </row>
    <row r="32" spans="2:6" s="28" customFormat="1" ht="24.95" customHeight="1" x14ac:dyDescent="0.25">
      <c r="B32" s="133" t="s">
        <v>205</v>
      </c>
      <c r="C32" s="136" t="s">
        <v>79</v>
      </c>
      <c r="D32" s="137"/>
      <c r="E32" s="32" t="s">
        <v>1</v>
      </c>
      <c r="F32" s="138">
        <v>10</v>
      </c>
    </row>
    <row r="33" spans="2:6" s="28" customFormat="1" ht="24.95" customHeight="1" x14ac:dyDescent="0.25">
      <c r="B33" s="133" t="s">
        <v>206</v>
      </c>
      <c r="C33" s="136" t="s">
        <v>80</v>
      </c>
      <c r="D33" s="137"/>
      <c r="E33" s="32" t="s">
        <v>1</v>
      </c>
      <c r="F33" s="138">
        <v>10</v>
      </c>
    </row>
    <row r="34" spans="2:6" s="28" customFormat="1" ht="24.95" customHeight="1" x14ac:dyDescent="0.25">
      <c r="B34" s="133" t="s">
        <v>207</v>
      </c>
      <c r="C34" s="136" t="s">
        <v>81</v>
      </c>
      <c r="D34" s="137"/>
      <c r="E34" s="32" t="s">
        <v>1</v>
      </c>
      <c r="F34" s="138">
        <v>540</v>
      </c>
    </row>
    <row r="35" spans="2:6" s="28" customFormat="1" ht="24.95" customHeight="1" x14ac:dyDescent="0.25">
      <c r="B35" s="133" t="s">
        <v>208</v>
      </c>
      <c r="C35" s="136" t="s">
        <v>82</v>
      </c>
      <c r="D35" s="137"/>
      <c r="E35" s="32" t="s">
        <v>1</v>
      </c>
      <c r="F35" s="138">
        <v>130</v>
      </c>
    </row>
    <row r="36" spans="2:6" s="28" customFormat="1" ht="24.95" customHeight="1" x14ac:dyDescent="0.25">
      <c r="B36" s="133" t="s">
        <v>209</v>
      </c>
      <c r="C36" s="136" t="s">
        <v>83</v>
      </c>
      <c r="D36" s="137"/>
      <c r="E36" s="32" t="s">
        <v>1</v>
      </c>
      <c r="F36" s="138">
        <v>100</v>
      </c>
    </row>
    <row r="37" spans="2:6" s="28" customFormat="1" ht="24.95" customHeight="1" x14ac:dyDescent="0.25">
      <c r="B37" s="133" t="s">
        <v>210</v>
      </c>
      <c r="C37" s="136" t="s">
        <v>84</v>
      </c>
      <c r="D37" s="137"/>
      <c r="E37" s="32" t="s">
        <v>1</v>
      </c>
      <c r="F37" s="138">
        <v>10</v>
      </c>
    </row>
    <row r="38" spans="2:6" s="28" customFormat="1" ht="24.95" customHeight="1" x14ac:dyDescent="0.25">
      <c r="B38" s="133" t="s">
        <v>211</v>
      </c>
      <c r="C38" s="136" t="s">
        <v>85</v>
      </c>
      <c r="D38" s="137"/>
      <c r="E38" s="32" t="s">
        <v>1</v>
      </c>
      <c r="F38" s="138">
        <v>10</v>
      </c>
    </row>
    <row r="39" spans="2:6" s="28" customFormat="1" ht="24.95" customHeight="1" x14ac:dyDescent="0.25">
      <c r="B39" s="133" t="s">
        <v>212</v>
      </c>
      <c r="C39" s="136" t="s">
        <v>86</v>
      </c>
      <c r="D39" s="137"/>
      <c r="E39" s="32" t="s">
        <v>1</v>
      </c>
      <c r="F39" s="138">
        <v>170</v>
      </c>
    </row>
    <row r="40" spans="2:6" s="28" customFormat="1" ht="24.95" customHeight="1" x14ac:dyDescent="0.25">
      <c r="B40" s="133" t="s">
        <v>213</v>
      </c>
      <c r="C40" s="136" t="s">
        <v>87</v>
      </c>
      <c r="D40" s="137"/>
      <c r="E40" s="32" t="s">
        <v>1</v>
      </c>
      <c r="F40" s="138">
        <v>310</v>
      </c>
    </row>
    <row r="41" spans="2:6" s="28" customFormat="1" ht="24.95" customHeight="1" x14ac:dyDescent="0.25">
      <c r="B41" s="133" t="s">
        <v>214</v>
      </c>
      <c r="C41" s="136" t="s">
        <v>88</v>
      </c>
      <c r="D41" s="137"/>
      <c r="E41" s="32" t="s">
        <v>1</v>
      </c>
      <c r="F41" s="138">
        <v>1970</v>
      </c>
    </row>
    <row r="42" spans="2:6" s="28" customFormat="1" ht="24.95" customHeight="1" x14ac:dyDescent="0.25">
      <c r="B42" s="133" t="s">
        <v>215</v>
      </c>
      <c r="C42" s="136" t="s">
        <v>89</v>
      </c>
      <c r="D42" s="137"/>
      <c r="E42" s="32" t="s">
        <v>1</v>
      </c>
      <c r="F42" s="138">
        <v>210</v>
      </c>
    </row>
    <row r="43" spans="2:6" s="28" customFormat="1" ht="24.95" customHeight="1" x14ac:dyDescent="0.25">
      <c r="B43" s="133" t="s">
        <v>216</v>
      </c>
      <c r="C43" s="136" t="s">
        <v>90</v>
      </c>
      <c r="D43" s="137"/>
      <c r="E43" s="32" t="s">
        <v>1</v>
      </c>
      <c r="F43" s="138">
        <v>530</v>
      </c>
    </row>
    <row r="44" spans="2:6" s="28" customFormat="1" ht="24.95" customHeight="1" x14ac:dyDescent="0.25">
      <c r="B44" s="133" t="s">
        <v>217</v>
      </c>
      <c r="C44" s="136" t="s">
        <v>91</v>
      </c>
      <c r="D44" s="137"/>
      <c r="E44" s="32" t="s">
        <v>1</v>
      </c>
      <c r="F44" s="138">
        <v>2160</v>
      </c>
    </row>
    <row r="45" spans="2:6" s="28" customFormat="1" ht="24.95" customHeight="1" x14ac:dyDescent="0.25">
      <c r="B45" s="133" t="s">
        <v>218</v>
      </c>
      <c r="C45" s="136" t="s">
        <v>92</v>
      </c>
      <c r="D45" s="137"/>
      <c r="E45" s="32" t="s">
        <v>1</v>
      </c>
      <c r="F45" s="138">
        <v>2230</v>
      </c>
    </row>
    <row r="46" spans="2:6" s="28" customFormat="1" ht="24.95" customHeight="1" x14ac:dyDescent="0.25">
      <c r="B46" s="133" t="s">
        <v>219</v>
      </c>
      <c r="C46" s="136" t="s">
        <v>93</v>
      </c>
      <c r="D46" s="137"/>
      <c r="E46" s="32" t="s">
        <v>1</v>
      </c>
      <c r="F46" s="138">
        <v>260</v>
      </c>
    </row>
    <row r="47" spans="2:6" s="28" customFormat="1" ht="24.95" customHeight="1" x14ac:dyDescent="0.25">
      <c r="B47" s="133" t="s">
        <v>220</v>
      </c>
      <c r="C47" s="136" t="s">
        <v>94</v>
      </c>
      <c r="D47" s="137"/>
      <c r="E47" s="32" t="s">
        <v>1</v>
      </c>
      <c r="F47" s="138">
        <v>12</v>
      </c>
    </row>
    <row r="48" spans="2:6" s="28" customFormat="1" ht="24.95" customHeight="1" x14ac:dyDescent="0.25">
      <c r="B48" s="133" t="s">
        <v>221</v>
      </c>
      <c r="C48" s="136" t="s">
        <v>95</v>
      </c>
      <c r="D48" s="137"/>
      <c r="E48" s="32" t="s">
        <v>1</v>
      </c>
      <c r="F48" s="138">
        <v>2210</v>
      </c>
    </row>
    <row r="49" spans="2:7" s="28" customFormat="1" ht="24.95" customHeight="1" x14ac:dyDescent="0.25">
      <c r="B49" s="133" t="s">
        <v>257</v>
      </c>
      <c r="C49" s="136" t="s">
        <v>96</v>
      </c>
      <c r="D49" s="137"/>
      <c r="E49" s="32" t="s">
        <v>1</v>
      </c>
      <c r="F49" s="138">
        <v>12</v>
      </c>
    </row>
    <row r="50" spans="2:7" s="28" customFormat="1" ht="4.5" customHeight="1" x14ac:dyDescent="0.25">
      <c r="B50" s="69"/>
      <c r="C50" s="69"/>
      <c r="D50" s="69"/>
      <c r="E50" s="69"/>
      <c r="F50" s="69"/>
    </row>
    <row r="51" spans="2:7" s="28" customFormat="1" ht="20.100000000000001" customHeight="1" x14ac:dyDescent="0.25">
      <c r="B51" s="99" t="s">
        <v>19</v>
      </c>
      <c r="C51" s="100"/>
      <c r="D51" s="69"/>
      <c r="E51" s="69"/>
      <c r="F51" s="69"/>
    </row>
    <row r="52" spans="2:7" s="28" customFormat="1" ht="20.100000000000001" customHeight="1" x14ac:dyDescent="0.2">
      <c r="B52" s="12"/>
      <c r="C52" s="28" t="s">
        <v>2</v>
      </c>
      <c r="D52" s="69"/>
      <c r="E52" s="69"/>
      <c r="F52" s="69"/>
    </row>
    <row r="53" spans="2:7" s="28" customFormat="1" ht="20.100000000000001" customHeight="1" x14ac:dyDescent="0.25">
      <c r="B53" s="29"/>
      <c r="C53" s="16" t="s">
        <v>3</v>
      </c>
      <c r="D53" s="69"/>
      <c r="E53" s="69"/>
      <c r="F53" s="69"/>
    </row>
    <row r="54" spans="2:7" ht="5.0999999999999996" customHeight="1" x14ac:dyDescent="0.2"/>
    <row r="55" spans="2:7" s="16" customFormat="1" ht="20.100000000000001" customHeight="1" x14ac:dyDescent="0.25">
      <c r="B55" s="82" t="s">
        <v>24</v>
      </c>
      <c r="C55" s="82"/>
      <c r="D55" s="82"/>
      <c r="E55" s="82"/>
      <c r="F55" s="82"/>
    </row>
    <row r="56" spans="2:7" s="16" customFormat="1" ht="5.0999999999999996" customHeight="1" thickBot="1" x14ac:dyDescent="0.3">
      <c r="B56" s="27"/>
      <c r="D56" s="33"/>
      <c r="E56" s="33"/>
      <c r="F56" s="33"/>
    </row>
    <row r="57" spans="2:7" s="25" customFormat="1" ht="93" customHeight="1" x14ac:dyDescent="0.25">
      <c r="B57" s="83" t="s">
        <v>0</v>
      </c>
      <c r="C57" s="84"/>
      <c r="D57" s="87" t="s">
        <v>53</v>
      </c>
      <c r="E57" s="88"/>
      <c r="F57" s="89"/>
      <c r="G57" s="34"/>
    </row>
    <row r="58" spans="2:7" s="25" customFormat="1" ht="30" customHeight="1" thickBot="1" x14ac:dyDescent="0.3">
      <c r="B58" s="85"/>
      <c r="C58" s="86"/>
      <c r="D58" s="57" t="s">
        <v>25</v>
      </c>
      <c r="E58" s="103" t="s">
        <v>26</v>
      </c>
      <c r="F58" s="104"/>
    </row>
    <row r="59" spans="2:7" s="35" customFormat="1" ht="30.75" customHeight="1" x14ac:dyDescent="0.25">
      <c r="B59" s="92" t="s">
        <v>259</v>
      </c>
      <c r="C59" s="93"/>
      <c r="D59" s="93"/>
      <c r="E59" s="93"/>
      <c r="F59" s="94"/>
    </row>
    <row r="60" spans="2:7" s="37" customFormat="1" ht="30" customHeight="1" x14ac:dyDescent="0.25">
      <c r="B60" s="60" t="s">
        <v>14</v>
      </c>
      <c r="C60" s="61" t="s">
        <v>260</v>
      </c>
      <c r="D60" s="36"/>
      <c r="E60" s="71"/>
      <c r="F60" s="72"/>
    </row>
    <row r="61" spans="2:7" s="37" customFormat="1" ht="27.75" customHeight="1" x14ac:dyDescent="0.25">
      <c r="B61" s="60" t="s">
        <v>49</v>
      </c>
      <c r="C61" s="61" t="s">
        <v>261</v>
      </c>
      <c r="D61" s="36"/>
      <c r="E61" s="71"/>
      <c r="F61" s="72"/>
    </row>
    <row r="62" spans="2:7" s="35" customFormat="1" ht="30.75" customHeight="1" x14ac:dyDescent="0.25">
      <c r="B62" s="139" t="s">
        <v>262</v>
      </c>
      <c r="C62" s="140"/>
      <c r="D62" s="140"/>
      <c r="E62" s="140"/>
      <c r="F62" s="141"/>
    </row>
    <row r="63" spans="2:7" s="37" customFormat="1" ht="30" customHeight="1" x14ac:dyDescent="0.25">
      <c r="B63" s="60" t="s">
        <v>14</v>
      </c>
      <c r="C63" s="61" t="s">
        <v>97</v>
      </c>
      <c r="D63" s="36"/>
      <c r="E63" s="71"/>
      <c r="F63" s="72"/>
    </row>
    <row r="64" spans="2:7" s="37" customFormat="1" ht="27.75" customHeight="1" x14ac:dyDescent="0.25">
      <c r="B64" s="60" t="s">
        <v>49</v>
      </c>
      <c r="C64" s="61" t="s">
        <v>98</v>
      </c>
      <c r="D64" s="36"/>
      <c r="E64" s="71"/>
      <c r="F64" s="72"/>
    </row>
    <row r="65" spans="2:6" s="37" customFormat="1" ht="36.75" customHeight="1" x14ac:dyDescent="0.25">
      <c r="B65" s="60" t="s">
        <v>50</v>
      </c>
      <c r="C65" s="61" t="s">
        <v>99</v>
      </c>
      <c r="D65" s="36"/>
      <c r="E65" s="71"/>
      <c r="F65" s="72"/>
    </row>
    <row r="66" spans="2:6" s="37" customFormat="1" ht="34.5" customHeight="1" x14ac:dyDescent="0.25">
      <c r="B66" s="60" t="s">
        <v>51</v>
      </c>
      <c r="C66" s="61" t="s">
        <v>100</v>
      </c>
      <c r="D66" s="36"/>
      <c r="E66" s="71"/>
      <c r="F66" s="72"/>
    </row>
    <row r="67" spans="2:6" s="37" customFormat="1" ht="30" customHeight="1" x14ac:dyDescent="0.25">
      <c r="B67" s="77" t="s">
        <v>263</v>
      </c>
      <c r="C67" s="78"/>
      <c r="D67" s="78"/>
      <c r="E67" s="78"/>
      <c r="F67" s="79"/>
    </row>
    <row r="68" spans="2:6" s="37" customFormat="1" ht="34.5" customHeight="1" x14ac:dyDescent="0.25">
      <c r="B68" s="60" t="s">
        <v>14</v>
      </c>
      <c r="C68" s="61" t="s">
        <v>101</v>
      </c>
      <c r="D68" s="36"/>
      <c r="E68" s="71"/>
      <c r="F68" s="72"/>
    </row>
    <row r="69" spans="2:6" s="37" customFormat="1" ht="30" customHeight="1" x14ac:dyDescent="0.25">
      <c r="B69" s="60" t="s">
        <v>49</v>
      </c>
      <c r="C69" s="61" t="s">
        <v>102</v>
      </c>
      <c r="D69" s="36"/>
      <c r="E69" s="71"/>
      <c r="F69" s="72"/>
    </row>
    <row r="70" spans="2:6" s="37" customFormat="1" ht="37.5" customHeight="1" x14ac:dyDescent="0.25">
      <c r="B70" s="60" t="s">
        <v>50</v>
      </c>
      <c r="C70" s="61" t="s">
        <v>103</v>
      </c>
      <c r="D70" s="36"/>
      <c r="E70" s="71"/>
      <c r="F70" s="72"/>
    </row>
    <row r="71" spans="2:6" s="37" customFormat="1" ht="38.25" customHeight="1" x14ac:dyDescent="0.25">
      <c r="B71" s="60" t="s">
        <v>51</v>
      </c>
      <c r="C71" s="61" t="s">
        <v>104</v>
      </c>
      <c r="D71" s="36"/>
      <c r="E71" s="71"/>
      <c r="F71" s="72"/>
    </row>
    <row r="72" spans="2:6" s="37" customFormat="1" ht="40.5" customHeight="1" x14ac:dyDescent="0.25">
      <c r="B72" s="60" t="s">
        <v>64</v>
      </c>
      <c r="C72" s="61" t="s">
        <v>105</v>
      </c>
      <c r="D72" s="36"/>
      <c r="E72" s="71"/>
      <c r="F72" s="72"/>
    </row>
    <row r="73" spans="2:6" s="37" customFormat="1" ht="30" customHeight="1" x14ac:dyDescent="0.25">
      <c r="B73" s="77" t="s">
        <v>264</v>
      </c>
      <c r="C73" s="78"/>
      <c r="D73" s="78"/>
      <c r="E73" s="78"/>
      <c r="F73" s="79"/>
    </row>
    <row r="74" spans="2:6" s="37" customFormat="1" ht="30" customHeight="1" x14ac:dyDescent="0.25">
      <c r="B74" s="60" t="s">
        <v>14</v>
      </c>
      <c r="C74" s="61" t="s">
        <v>106</v>
      </c>
      <c r="D74" s="36"/>
      <c r="E74" s="71"/>
      <c r="F74" s="72"/>
    </row>
    <row r="75" spans="2:6" s="37" customFormat="1" ht="30" customHeight="1" x14ac:dyDescent="0.25">
      <c r="B75" s="77" t="s">
        <v>265</v>
      </c>
      <c r="C75" s="78"/>
      <c r="D75" s="78"/>
      <c r="E75" s="78"/>
      <c r="F75" s="79"/>
    </row>
    <row r="76" spans="2:6" s="37" customFormat="1" ht="34.5" customHeight="1" x14ac:dyDescent="0.25">
      <c r="B76" s="60" t="s">
        <v>14</v>
      </c>
      <c r="C76" s="61" t="s">
        <v>107</v>
      </c>
      <c r="D76" s="36"/>
      <c r="E76" s="71"/>
      <c r="F76" s="72"/>
    </row>
    <row r="77" spans="2:6" s="37" customFormat="1" ht="30" customHeight="1" x14ac:dyDescent="0.25">
      <c r="B77" s="60" t="s">
        <v>49</v>
      </c>
      <c r="C77" s="61" t="s">
        <v>108</v>
      </c>
      <c r="D77" s="36"/>
      <c r="E77" s="71"/>
      <c r="F77" s="72"/>
    </row>
    <row r="78" spans="2:6" s="37" customFormat="1" ht="37.5" customHeight="1" x14ac:dyDescent="0.25">
      <c r="B78" s="60" t="s">
        <v>50</v>
      </c>
      <c r="C78" s="61" t="s">
        <v>109</v>
      </c>
      <c r="D78" s="36"/>
      <c r="E78" s="71"/>
      <c r="F78" s="72"/>
    </row>
    <row r="79" spans="2:6" s="37" customFormat="1" ht="38.25" customHeight="1" x14ac:dyDescent="0.25">
      <c r="B79" s="60" t="s">
        <v>51</v>
      </c>
      <c r="C79" s="61" t="s">
        <v>110</v>
      </c>
      <c r="D79" s="36"/>
      <c r="E79" s="71"/>
      <c r="F79" s="72"/>
    </row>
    <row r="80" spans="2:6" s="37" customFormat="1" ht="40.5" customHeight="1" x14ac:dyDescent="0.25">
      <c r="B80" s="60" t="s">
        <v>64</v>
      </c>
      <c r="C80" s="61" t="s">
        <v>111</v>
      </c>
      <c r="D80" s="36"/>
      <c r="E80" s="71"/>
      <c r="F80" s="72"/>
    </row>
    <row r="81" spans="2:6" s="37" customFormat="1" ht="34.5" customHeight="1" x14ac:dyDescent="0.25">
      <c r="B81" s="60" t="s">
        <v>65</v>
      </c>
      <c r="C81" s="61" t="s">
        <v>112</v>
      </c>
      <c r="D81" s="36"/>
      <c r="E81" s="71"/>
      <c r="F81" s="72"/>
    </row>
    <row r="82" spans="2:6" s="37" customFormat="1" ht="30" customHeight="1" x14ac:dyDescent="0.25">
      <c r="B82" s="60" t="s">
        <v>66</v>
      </c>
      <c r="C82" s="61" t="s">
        <v>113</v>
      </c>
      <c r="D82" s="36"/>
      <c r="E82" s="71"/>
      <c r="F82" s="72"/>
    </row>
    <row r="83" spans="2:6" s="37" customFormat="1" ht="37.5" customHeight="1" x14ac:dyDescent="0.25">
      <c r="B83" s="60" t="s">
        <v>69</v>
      </c>
      <c r="C83" s="61" t="s">
        <v>114</v>
      </c>
      <c r="D83" s="36"/>
      <c r="E83" s="71"/>
      <c r="F83" s="72"/>
    </row>
    <row r="84" spans="2:6" s="37" customFormat="1" ht="38.25" customHeight="1" x14ac:dyDescent="0.25">
      <c r="B84" s="60" t="s">
        <v>70</v>
      </c>
      <c r="C84" s="61" t="s">
        <v>115</v>
      </c>
      <c r="D84" s="36"/>
      <c r="E84" s="71"/>
      <c r="F84" s="72"/>
    </row>
    <row r="85" spans="2:6" s="37" customFormat="1" ht="30" customHeight="1" x14ac:dyDescent="0.25">
      <c r="B85" s="77" t="s">
        <v>266</v>
      </c>
      <c r="C85" s="78"/>
      <c r="D85" s="78"/>
      <c r="E85" s="78"/>
      <c r="F85" s="79"/>
    </row>
    <row r="86" spans="2:6" s="37" customFormat="1" ht="34.5" customHeight="1" x14ac:dyDescent="0.25">
      <c r="B86" s="60" t="s">
        <v>14</v>
      </c>
      <c r="C86" s="61" t="s">
        <v>116</v>
      </c>
      <c r="D86" s="36"/>
      <c r="E86" s="71"/>
      <c r="F86" s="72"/>
    </row>
    <row r="87" spans="2:6" s="37" customFormat="1" ht="30" customHeight="1" x14ac:dyDescent="0.25">
      <c r="B87" s="60" t="s">
        <v>49</v>
      </c>
      <c r="C87" s="61" t="s">
        <v>117</v>
      </c>
      <c r="D87" s="36"/>
      <c r="E87" s="71"/>
      <c r="F87" s="72"/>
    </row>
    <row r="88" spans="2:6" s="37" customFormat="1" ht="37.5" customHeight="1" x14ac:dyDescent="0.25">
      <c r="B88" s="60" t="s">
        <v>50</v>
      </c>
      <c r="C88" s="61" t="s">
        <v>118</v>
      </c>
      <c r="D88" s="36"/>
      <c r="E88" s="71"/>
      <c r="F88" s="72"/>
    </row>
    <row r="89" spans="2:6" s="37" customFormat="1" ht="38.25" customHeight="1" x14ac:dyDescent="0.25">
      <c r="B89" s="60" t="s">
        <v>51</v>
      </c>
      <c r="C89" s="61" t="s">
        <v>119</v>
      </c>
      <c r="D89" s="36"/>
      <c r="E89" s="71"/>
      <c r="F89" s="72"/>
    </row>
    <row r="90" spans="2:6" s="37" customFormat="1" ht="40.5" customHeight="1" x14ac:dyDescent="0.25">
      <c r="B90" s="60" t="s">
        <v>64</v>
      </c>
      <c r="C90" s="61" t="s">
        <v>120</v>
      </c>
      <c r="D90" s="36"/>
      <c r="E90" s="71"/>
      <c r="F90" s="72"/>
    </row>
    <row r="91" spans="2:6" s="37" customFormat="1" ht="34.5" customHeight="1" x14ac:dyDescent="0.25">
      <c r="B91" s="60" t="s">
        <v>65</v>
      </c>
      <c r="C91" s="61" t="s">
        <v>121</v>
      </c>
      <c r="D91" s="36"/>
      <c r="E91" s="71"/>
      <c r="F91" s="72"/>
    </row>
    <row r="92" spans="2:6" s="37" customFormat="1" ht="30" customHeight="1" x14ac:dyDescent="0.25">
      <c r="B92" s="60" t="s">
        <v>66</v>
      </c>
      <c r="C92" s="61" t="s">
        <v>113</v>
      </c>
      <c r="D92" s="36"/>
      <c r="E92" s="71"/>
      <c r="F92" s="72"/>
    </row>
    <row r="93" spans="2:6" s="37" customFormat="1" ht="37.5" customHeight="1" x14ac:dyDescent="0.25">
      <c r="B93" s="60" t="s">
        <v>69</v>
      </c>
      <c r="C93" s="61" t="s">
        <v>114</v>
      </c>
      <c r="D93" s="36"/>
      <c r="E93" s="71"/>
      <c r="F93" s="72"/>
    </row>
    <row r="94" spans="2:6" s="37" customFormat="1" ht="38.25" customHeight="1" x14ac:dyDescent="0.25">
      <c r="B94" s="60" t="s">
        <v>70</v>
      </c>
      <c r="C94" s="61" t="s">
        <v>115</v>
      </c>
      <c r="D94" s="36"/>
      <c r="E94" s="71"/>
      <c r="F94" s="72"/>
    </row>
    <row r="95" spans="2:6" s="37" customFormat="1" ht="30" customHeight="1" x14ac:dyDescent="0.25">
      <c r="B95" s="77" t="s">
        <v>267</v>
      </c>
      <c r="C95" s="78"/>
      <c r="D95" s="78"/>
      <c r="E95" s="78"/>
      <c r="F95" s="79"/>
    </row>
    <row r="96" spans="2:6" s="37" customFormat="1" ht="34.5" customHeight="1" x14ac:dyDescent="0.25">
      <c r="B96" s="60" t="s">
        <v>14</v>
      </c>
      <c r="C96" s="61" t="s">
        <v>122</v>
      </c>
      <c r="D96" s="36"/>
      <c r="E96" s="71"/>
      <c r="F96" s="72"/>
    </row>
    <row r="97" spans="2:6" s="37" customFormat="1" ht="30" customHeight="1" x14ac:dyDescent="0.25">
      <c r="B97" s="60" t="s">
        <v>49</v>
      </c>
      <c r="C97" s="61" t="s">
        <v>123</v>
      </c>
      <c r="D97" s="36"/>
      <c r="E97" s="71"/>
      <c r="F97" s="72"/>
    </row>
    <row r="98" spans="2:6" s="37" customFormat="1" ht="37.5" customHeight="1" x14ac:dyDescent="0.25">
      <c r="B98" s="60" t="s">
        <v>50</v>
      </c>
      <c r="C98" s="61" t="s">
        <v>124</v>
      </c>
      <c r="D98" s="36"/>
      <c r="E98" s="71"/>
      <c r="F98" s="72"/>
    </row>
    <row r="99" spans="2:6" s="37" customFormat="1" ht="30" customHeight="1" x14ac:dyDescent="0.25">
      <c r="B99" s="77" t="s">
        <v>268</v>
      </c>
      <c r="C99" s="78"/>
      <c r="D99" s="78"/>
      <c r="E99" s="78"/>
      <c r="F99" s="79"/>
    </row>
    <row r="100" spans="2:6" s="37" customFormat="1" ht="34.5" customHeight="1" x14ac:dyDescent="0.25">
      <c r="B100" s="60" t="s">
        <v>14</v>
      </c>
      <c r="C100" s="61" t="s">
        <v>125</v>
      </c>
      <c r="D100" s="36"/>
      <c r="E100" s="71"/>
      <c r="F100" s="72"/>
    </row>
    <row r="101" spans="2:6" s="37" customFormat="1" ht="30" customHeight="1" x14ac:dyDescent="0.25">
      <c r="B101" s="60" t="s">
        <v>49</v>
      </c>
      <c r="C101" s="61" t="s">
        <v>126</v>
      </c>
      <c r="D101" s="36"/>
      <c r="E101" s="71"/>
      <c r="F101" s="72"/>
    </row>
    <row r="102" spans="2:6" s="37" customFormat="1" ht="37.5" customHeight="1" x14ac:dyDescent="0.25">
      <c r="B102" s="60" t="s">
        <v>50</v>
      </c>
      <c r="C102" s="61" t="s">
        <v>127</v>
      </c>
      <c r="D102" s="36"/>
      <c r="E102" s="71"/>
      <c r="F102" s="72"/>
    </row>
    <row r="103" spans="2:6" s="37" customFormat="1" ht="38.25" customHeight="1" x14ac:dyDescent="0.25">
      <c r="B103" s="60" t="s">
        <v>51</v>
      </c>
      <c r="C103" s="61" t="s">
        <v>128</v>
      </c>
      <c r="D103" s="36"/>
      <c r="E103" s="71"/>
      <c r="F103" s="72"/>
    </row>
    <row r="104" spans="2:6" s="37" customFormat="1" ht="40.5" customHeight="1" x14ac:dyDescent="0.25">
      <c r="B104" s="60" t="s">
        <v>64</v>
      </c>
      <c r="C104" s="61" t="s">
        <v>129</v>
      </c>
      <c r="D104" s="36"/>
      <c r="E104" s="71"/>
      <c r="F104" s="72"/>
    </row>
    <row r="105" spans="2:6" s="37" customFormat="1" ht="34.5" customHeight="1" x14ac:dyDescent="0.25">
      <c r="B105" s="60" t="s">
        <v>65</v>
      </c>
      <c r="C105" s="61" t="s">
        <v>130</v>
      </c>
      <c r="D105" s="36"/>
      <c r="E105" s="71"/>
      <c r="F105" s="72"/>
    </row>
    <row r="106" spans="2:6" s="37" customFormat="1" ht="30" customHeight="1" x14ac:dyDescent="0.25">
      <c r="B106" s="60" t="s">
        <v>66</v>
      </c>
      <c r="C106" s="61" t="s">
        <v>131</v>
      </c>
      <c r="D106" s="36"/>
      <c r="E106" s="71"/>
      <c r="F106" s="72"/>
    </row>
    <row r="107" spans="2:6" s="37" customFormat="1" ht="37.5" customHeight="1" x14ac:dyDescent="0.25">
      <c r="B107" s="60" t="s">
        <v>69</v>
      </c>
      <c r="C107" s="61" t="s">
        <v>132</v>
      </c>
      <c r="D107" s="36"/>
      <c r="E107" s="71"/>
      <c r="F107" s="72"/>
    </row>
    <row r="108" spans="2:6" s="37" customFormat="1" ht="30" customHeight="1" x14ac:dyDescent="0.25">
      <c r="B108" s="77" t="s">
        <v>269</v>
      </c>
      <c r="C108" s="78"/>
      <c r="D108" s="78"/>
      <c r="E108" s="78"/>
      <c r="F108" s="79"/>
    </row>
    <row r="109" spans="2:6" s="37" customFormat="1" ht="34.5" customHeight="1" x14ac:dyDescent="0.25">
      <c r="B109" s="60" t="s">
        <v>14</v>
      </c>
      <c r="C109" s="61" t="s">
        <v>125</v>
      </c>
      <c r="D109" s="36"/>
      <c r="E109" s="71"/>
      <c r="F109" s="72"/>
    </row>
    <row r="110" spans="2:6" s="37" customFormat="1" ht="30" customHeight="1" x14ac:dyDescent="0.25">
      <c r="B110" s="60" t="s">
        <v>49</v>
      </c>
      <c r="C110" s="61" t="s">
        <v>133</v>
      </c>
      <c r="D110" s="36"/>
      <c r="E110" s="71"/>
      <c r="F110" s="72"/>
    </row>
    <row r="111" spans="2:6" s="37" customFormat="1" ht="37.5" customHeight="1" x14ac:dyDescent="0.25">
      <c r="B111" s="60" t="s">
        <v>50</v>
      </c>
      <c r="C111" s="61" t="s">
        <v>134</v>
      </c>
      <c r="D111" s="36"/>
      <c r="E111" s="71"/>
      <c r="F111" s="72"/>
    </row>
    <row r="112" spans="2:6" s="37" customFormat="1" ht="38.25" customHeight="1" x14ac:dyDescent="0.25">
      <c r="B112" s="60" t="s">
        <v>51</v>
      </c>
      <c r="C112" s="61" t="s">
        <v>128</v>
      </c>
      <c r="D112" s="36"/>
      <c r="E112" s="71"/>
      <c r="F112" s="72"/>
    </row>
    <row r="113" spans="2:6" s="37" customFormat="1" ht="40.5" customHeight="1" x14ac:dyDescent="0.25">
      <c r="B113" s="60" t="s">
        <v>64</v>
      </c>
      <c r="C113" s="61" t="s">
        <v>135</v>
      </c>
      <c r="D113" s="36"/>
      <c r="E113" s="71"/>
      <c r="F113" s="72"/>
    </row>
    <row r="114" spans="2:6" s="37" customFormat="1" ht="34.5" customHeight="1" x14ac:dyDescent="0.25">
      <c r="B114" s="60" t="s">
        <v>65</v>
      </c>
      <c r="C114" s="61" t="s">
        <v>136</v>
      </c>
      <c r="D114" s="36"/>
      <c r="E114" s="71"/>
      <c r="F114" s="72"/>
    </row>
    <row r="115" spans="2:6" s="37" customFormat="1" ht="30" customHeight="1" x14ac:dyDescent="0.25">
      <c r="B115" s="60" t="s">
        <v>66</v>
      </c>
      <c r="C115" s="61" t="s">
        <v>131</v>
      </c>
      <c r="D115" s="36"/>
      <c r="E115" s="71"/>
      <c r="F115" s="72"/>
    </row>
    <row r="116" spans="2:6" s="37" customFormat="1" ht="37.5" customHeight="1" x14ac:dyDescent="0.25">
      <c r="B116" s="60" t="s">
        <v>69</v>
      </c>
      <c r="C116" s="61" t="s">
        <v>137</v>
      </c>
      <c r="D116" s="36"/>
      <c r="E116" s="71"/>
      <c r="F116" s="72"/>
    </row>
    <row r="117" spans="2:6" s="37" customFormat="1" ht="30" customHeight="1" x14ac:dyDescent="0.25">
      <c r="B117" s="77" t="s">
        <v>270</v>
      </c>
      <c r="C117" s="78"/>
      <c r="D117" s="78"/>
      <c r="E117" s="78"/>
      <c r="F117" s="79"/>
    </row>
    <row r="118" spans="2:6" s="37" customFormat="1" ht="34.5" customHeight="1" x14ac:dyDescent="0.25">
      <c r="B118" s="60" t="s">
        <v>14</v>
      </c>
      <c r="C118" s="61" t="s">
        <v>138</v>
      </c>
      <c r="D118" s="36"/>
      <c r="E118" s="71"/>
      <c r="F118" s="72"/>
    </row>
    <row r="119" spans="2:6" s="37" customFormat="1" ht="30" customHeight="1" x14ac:dyDescent="0.25">
      <c r="B119" s="60" t="s">
        <v>49</v>
      </c>
      <c r="C119" s="61" t="s">
        <v>139</v>
      </c>
      <c r="D119" s="36"/>
      <c r="E119" s="71"/>
      <c r="F119" s="72"/>
    </row>
    <row r="120" spans="2:6" s="37" customFormat="1" ht="37.5" customHeight="1" x14ac:dyDescent="0.25">
      <c r="B120" s="60" t="s">
        <v>50</v>
      </c>
      <c r="C120" s="61" t="s">
        <v>140</v>
      </c>
      <c r="D120" s="36"/>
      <c r="E120" s="71"/>
      <c r="F120" s="72"/>
    </row>
    <row r="121" spans="2:6" s="37" customFormat="1" ht="38.25" customHeight="1" x14ac:dyDescent="0.25">
      <c r="B121" s="60" t="s">
        <v>51</v>
      </c>
      <c r="C121" s="61" t="s">
        <v>141</v>
      </c>
      <c r="D121" s="36"/>
      <c r="E121" s="71"/>
      <c r="F121" s="72"/>
    </row>
    <row r="122" spans="2:6" s="37" customFormat="1" ht="40.5" customHeight="1" x14ac:dyDescent="0.25">
      <c r="B122" s="60" t="s">
        <v>64</v>
      </c>
      <c r="C122" s="61" t="s">
        <v>142</v>
      </c>
      <c r="D122" s="36"/>
      <c r="E122" s="71"/>
      <c r="F122" s="72"/>
    </row>
    <row r="123" spans="2:6" s="37" customFormat="1" ht="34.5" customHeight="1" x14ac:dyDescent="0.25">
      <c r="B123" s="60" t="s">
        <v>65</v>
      </c>
      <c r="C123" s="61" t="s">
        <v>143</v>
      </c>
      <c r="D123" s="36"/>
      <c r="E123" s="71"/>
      <c r="F123" s="72"/>
    </row>
    <row r="124" spans="2:6" s="37" customFormat="1" ht="30" customHeight="1" x14ac:dyDescent="0.25">
      <c r="B124" s="60" t="s">
        <v>66</v>
      </c>
      <c r="C124" s="61" t="s">
        <v>144</v>
      </c>
      <c r="D124" s="36"/>
      <c r="E124" s="71"/>
      <c r="F124" s="72"/>
    </row>
    <row r="125" spans="2:6" s="37" customFormat="1" ht="37.5" customHeight="1" x14ac:dyDescent="0.25">
      <c r="B125" s="60" t="s">
        <v>69</v>
      </c>
      <c r="C125" s="61" t="s">
        <v>145</v>
      </c>
      <c r="D125" s="36"/>
      <c r="E125" s="71"/>
      <c r="F125" s="72"/>
    </row>
    <row r="126" spans="2:6" s="37" customFormat="1" ht="30" customHeight="1" x14ac:dyDescent="0.25">
      <c r="B126" s="77" t="s">
        <v>271</v>
      </c>
      <c r="C126" s="78"/>
      <c r="D126" s="78"/>
      <c r="E126" s="78"/>
      <c r="F126" s="79"/>
    </row>
    <row r="127" spans="2:6" s="37" customFormat="1" ht="34.5" customHeight="1" x14ac:dyDescent="0.25">
      <c r="B127" s="60" t="s">
        <v>14</v>
      </c>
      <c r="C127" s="61" t="s">
        <v>146</v>
      </c>
      <c r="D127" s="36"/>
      <c r="E127" s="71"/>
      <c r="F127" s="72"/>
    </row>
    <row r="128" spans="2:6" s="37" customFormat="1" ht="30" customHeight="1" x14ac:dyDescent="0.25">
      <c r="B128" s="60" t="s">
        <v>49</v>
      </c>
      <c r="C128" s="61" t="s">
        <v>147</v>
      </c>
      <c r="D128" s="36"/>
      <c r="E128" s="71"/>
      <c r="F128" s="72"/>
    </row>
    <row r="129" spans="2:6" s="37" customFormat="1" ht="37.5" customHeight="1" x14ac:dyDescent="0.25">
      <c r="B129" s="60" t="s">
        <v>50</v>
      </c>
      <c r="C129" s="61" t="s">
        <v>148</v>
      </c>
      <c r="D129" s="36"/>
      <c r="E129" s="71"/>
      <c r="F129" s="72"/>
    </row>
    <row r="130" spans="2:6" s="37" customFormat="1" ht="38.25" customHeight="1" x14ac:dyDescent="0.25">
      <c r="B130" s="60" t="s">
        <v>51</v>
      </c>
      <c r="C130" s="61" t="s">
        <v>149</v>
      </c>
      <c r="D130" s="36"/>
      <c r="E130" s="71"/>
      <c r="F130" s="72"/>
    </row>
    <row r="131" spans="2:6" s="37" customFormat="1" ht="40.5" customHeight="1" x14ac:dyDescent="0.25">
      <c r="B131" s="60" t="s">
        <v>64</v>
      </c>
      <c r="C131" s="61" t="s">
        <v>150</v>
      </c>
      <c r="D131" s="36"/>
      <c r="E131" s="71"/>
      <c r="F131" s="72"/>
    </row>
    <row r="132" spans="2:6" s="37" customFormat="1" ht="34.5" customHeight="1" x14ac:dyDescent="0.25">
      <c r="B132" s="60" t="s">
        <v>65</v>
      </c>
      <c r="C132" s="61" t="s">
        <v>151</v>
      </c>
      <c r="D132" s="36"/>
      <c r="E132" s="71"/>
      <c r="F132" s="72"/>
    </row>
    <row r="133" spans="2:6" s="37" customFormat="1" ht="30" customHeight="1" x14ac:dyDescent="0.25">
      <c r="B133" s="60" t="s">
        <v>66</v>
      </c>
      <c r="C133" s="61" t="s">
        <v>152</v>
      </c>
      <c r="D133" s="36"/>
      <c r="E133" s="71"/>
      <c r="F133" s="72"/>
    </row>
    <row r="134" spans="2:6" s="37" customFormat="1" ht="37.5" customHeight="1" x14ac:dyDescent="0.25">
      <c r="B134" s="60" t="s">
        <v>69</v>
      </c>
      <c r="C134" s="61" t="s">
        <v>153</v>
      </c>
      <c r="D134" s="36"/>
      <c r="E134" s="71"/>
      <c r="F134" s="72"/>
    </row>
    <row r="135" spans="2:6" s="37" customFormat="1" ht="30" customHeight="1" x14ac:dyDescent="0.25">
      <c r="B135" s="77" t="s">
        <v>272</v>
      </c>
      <c r="C135" s="78"/>
      <c r="D135" s="78"/>
      <c r="E135" s="78"/>
      <c r="F135" s="79"/>
    </row>
    <row r="136" spans="2:6" s="37" customFormat="1" ht="34.5" customHeight="1" x14ac:dyDescent="0.25">
      <c r="B136" s="60" t="s">
        <v>14</v>
      </c>
      <c r="C136" s="61" t="s">
        <v>154</v>
      </c>
      <c r="D136" s="36"/>
      <c r="E136" s="71"/>
      <c r="F136" s="72"/>
    </row>
    <row r="137" spans="2:6" s="37" customFormat="1" ht="30" customHeight="1" x14ac:dyDescent="0.25">
      <c r="B137" s="60" t="s">
        <v>49</v>
      </c>
      <c r="C137" s="61" t="s">
        <v>155</v>
      </c>
      <c r="D137" s="36"/>
      <c r="E137" s="71"/>
      <c r="F137" s="72"/>
    </row>
    <row r="138" spans="2:6" s="37" customFormat="1" ht="30" customHeight="1" x14ac:dyDescent="0.25">
      <c r="B138" s="77" t="s">
        <v>273</v>
      </c>
      <c r="C138" s="78"/>
      <c r="D138" s="78"/>
      <c r="E138" s="78"/>
      <c r="F138" s="79"/>
    </row>
    <row r="139" spans="2:6" s="37" customFormat="1" ht="34.5" customHeight="1" x14ac:dyDescent="0.25">
      <c r="B139" s="60" t="s">
        <v>14</v>
      </c>
      <c r="C139" s="61" t="s">
        <v>156</v>
      </c>
      <c r="D139" s="36"/>
      <c r="E139" s="71"/>
      <c r="F139" s="72"/>
    </row>
    <row r="140" spans="2:6" s="37" customFormat="1" ht="30" customHeight="1" x14ac:dyDescent="0.25">
      <c r="B140" s="60" t="s">
        <v>49</v>
      </c>
      <c r="C140" s="61" t="s">
        <v>157</v>
      </c>
      <c r="D140" s="36"/>
      <c r="E140" s="71"/>
      <c r="F140" s="72"/>
    </row>
    <row r="141" spans="2:6" s="37" customFormat="1" ht="37.5" customHeight="1" x14ac:dyDescent="0.25">
      <c r="B141" s="60" t="s">
        <v>50</v>
      </c>
      <c r="C141" s="61" t="s">
        <v>158</v>
      </c>
      <c r="D141" s="36"/>
      <c r="E141" s="71"/>
      <c r="F141" s="72"/>
    </row>
    <row r="142" spans="2:6" s="37" customFormat="1" ht="38.25" customHeight="1" x14ac:dyDescent="0.25">
      <c r="B142" s="60" t="s">
        <v>51</v>
      </c>
      <c r="C142" s="61" t="s">
        <v>159</v>
      </c>
      <c r="D142" s="36"/>
      <c r="E142" s="71"/>
      <c r="F142" s="72"/>
    </row>
    <row r="143" spans="2:6" s="37" customFormat="1" ht="40.5" customHeight="1" x14ac:dyDescent="0.25">
      <c r="B143" s="60" t="s">
        <v>64</v>
      </c>
      <c r="C143" s="61" t="s">
        <v>160</v>
      </c>
      <c r="D143" s="36"/>
      <c r="E143" s="71"/>
      <c r="F143" s="72"/>
    </row>
    <row r="144" spans="2:6" s="37" customFormat="1" ht="30" customHeight="1" x14ac:dyDescent="0.25">
      <c r="B144" s="77" t="s">
        <v>274</v>
      </c>
      <c r="C144" s="78"/>
      <c r="D144" s="78"/>
      <c r="E144" s="78"/>
      <c r="F144" s="79"/>
    </row>
    <row r="145" spans="2:6" s="37" customFormat="1" ht="34.5" customHeight="1" x14ac:dyDescent="0.25">
      <c r="B145" s="60" t="s">
        <v>14</v>
      </c>
      <c r="C145" s="61" t="s">
        <v>161</v>
      </c>
      <c r="D145" s="36"/>
      <c r="E145" s="71"/>
      <c r="F145" s="72"/>
    </row>
    <row r="146" spans="2:6" s="37" customFormat="1" ht="30" customHeight="1" x14ac:dyDescent="0.25">
      <c r="B146" s="77" t="s">
        <v>275</v>
      </c>
      <c r="C146" s="78"/>
      <c r="D146" s="78"/>
      <c r="E146" s="78"/>
      <c r="F146" s="79"/>
    </row>
    <row r="147" spans="2:6" s="37" customFormat="1" ht="42.75" customHeight="1" x14ac:dyDescent="0.25">
      <c r="B147" s="60" t="s">
        <v>14</v>
      </c>
      <c r="C147" s="61" t="s">
        <v>162</v>
      </c>
      <c r="D147" s="36"/>
      <c r="E147" s="71"/>
      <c r="F147" s="72"/>
    </row>
    <row r="148" spans="2:6" s="37" customFormat="1" ht="30" customHeight="1" x14ac:dyDescent="0.25">
      <c r="B148" s="60" t="s">
        <v>49</v>
      </c>
      <c r="C148" s="61" t="s">
        <v>163</v>
      </c>
      <c r="D148" s="36"/>
      <c r="E148" s="71"/>
      <c r="F148" s="72"/>
    </row>
    <row r="149" spans="2:6" s="37" customFormat="1" ht="37.5" customHeight="1" x14ac:dyDescent="0.25">
      <c r="B149" s="60" t="s">
        <v>50</v>
      </c>
      <c r="C149" s="61" t="s">
        <v>164</v>
      </c>
      <c r="D149" s="36"/>
      <c r="E149" s="71"/>
      <c r="F149" s="72"/>
    </row>
    <row r="150" spans="2:6" s="37" customFormat="1" ht="38.25" customHeight="1" x14ac:dyDescent="0.25">
      <c r="B150" s="60" t="s">
        <v>51</v>
      </c>
      <c r="C150" s="61" t="s">
        <v>165</v>
      </c>
      <c r="D150" s="36"/>
      <c r="E150" s="71"/>
      <c r="F150" s="72"/>
    </row>
    <row r="151" spans="2:6" s="37" customFormat="1" ht="40.5" customHeight="1" x14ac:dyDescent="0.25">
      <c r="B151" s="60" t="s">
        <v>64</v>
      </c>
      <c r="C151" s="61" t="s">
        <v>166</v>
      </c>
      <c r="D151" s="36"/>
      <c r="E151" s="71"/>
      <c r="F151" s="72"/>
    </row>
    <row r="152" spans="2:6" s="37" customFormat="1" ht="34.5" customHeight="1" x14ac:dyDescent="0.25">
      <c r="B152" s="60" t="s">
        <v>65</v>
      </c>
      <c r="C152" s="61" t="s">
        <v>167</v>
      </c>
      <c r="D152" s="36"/>
      <c r="E152" s="71"/>
      <c r="F152" s="72"/>
    </row>
    <row r="153" spans="2:6" s="37" customFormat="1" ht="30" customHeight="1" x14ac:dyDescent="0.25">
      <c r="B153" s="60" t="s">
        <v>66</v>
      </c>
      <c r="C153" s="61" t="s">
        <v>168</v>
      </c>
      <c r="D153" s="36"/>
      <c r="E153" s="71"/>
      <c r="F153" s="72"/>
    </row>
    <row r="154" spans="2:6" s="37" customFormat="1" ht="37.5" customHeight="1" x14ac:dyDescent="0.25">
      <c r="B154" s="60" t="s">
        <v>69</v>
      </c>
      <c r="C154" s="61" t="s">
        <v>169</v>
      </c>
      <c r="D154" s="36"/>
      <c r="E154" s="71"/>
      <c r="F154" s="72"/>
    </row>
    <row r="155" spans="2:6" s="37" customFormat="1" ht="38.25" customHeight="1" x14ac:dyDescent="0.25">
      <c r="B155" s="60" t="s">
        <v>70</v>
      </c>
      <c r="C155" s="61" t="s">
        <v>170</v>
      </c>
      <c r="D155" s="36"/>
      <c r="E155" s="71"/>
      <c r="F155" s="72"/>
    </row>
    <row r="156" spans="2:6" s="37" customFormat="1" ht="34.5" customHeight="1" x14ac:dyDescent="0.25">
      <c r="B156" s="60" t="s">
        <v>71</v>
      </c>
      <c r="C156" s="61" t="s">
        <v>171</v>
      </c>
      <c r="D156" s="36"/>
      <c r="E156" s="71"/>
      <c r="F156" s="72"/>
    </row>
    <row r="157" spans="2:6" s="37" customFormat="1" ht="30" customHeight="1" x14ac:dyDescent="0.25">
      <c r="B157" s="60" t="s">
        <v>72</v>
      </c>
      <c r="C157" s="61" t="s">
        <v>172</v>
      </c>
      <c r="D157" s="36"/>
      <c r="E157" s="71"/>
      <c r="F157" s="72"/>
    </row>
    <row r="158" spans="2:6" s="37" customFormat="1" ht="30" customHeight="1" x14ac:dyDescent="0.25">
      <c r="B158" s="77" t="s">
        <v>276</v>
      </c>
      <c r="C158" s="78"/>
      <c r="D158" s="78"/>
      <c r="E158" s="78"/>
      <c r="F158" s="79"/>
    </row>
    <row r="159" spans="2:6" s="37" customFormat="1" ht="35.25" customHeight="1" x14ac:dyDescent="0.25">
      <c r="B159" s="60" t="s">
        <v>14</v>
      </c>
      <c r="C159" s="61" t="s">
        <v>173</v>
      </c>
      <c r="D159" s="36"/>
      <c r="E159" s="71"/>
      <c r="F159" s="72"/>
    </row>
    <row r="160" spans="2:6" s="37" customFormat="1" ht="30" customHeight="1" x14ac:dyDescent="0.25">
      <c r="B160" s="60" t="s">
        <v>49</v>
      </c>
      <c r="C160" s="61" t="s">
        <v>174</v>
      </c>
      <c r="D160" s="36"/>
      <c r="E160" s="71"/>
      <c r="F160" s="72"/>
    </row>
    <row r="161" spans="2:6" s="37" customFormat="1" ht="37.5" customHeight="1" x14ac:dyDescent="0.25">
      <c r="B161" s="60" t="s">
        <v>50</v>
      </c>
      <c r="C161" s="61" t="s">
        <v>175</v>
      </c>
      <c r="D161" s="36"/>
      <c r="E161" s="71"/>
      <c r="F161" s="72"/>
    </row>
    <row r="162" spans="2:6" s="37" customFormat="1" ht="38.25" customHeight="1" x14ac:dyDescent="0.25">
      <c r="B162" s="60" t="s">
        <v>51</v>
      </c>
      <c r="C162" s="61" t="s">
        <v>176</v>
      </c>
      <c r="D162" s="36"/>
      <c r="E162" s="71"/>
      <c r="F162" s="72"/>
    </row>
    <row r="163" spans="2:6" s="37" customFormat="1" ht="40.5" customHeight="1" x14ac:dyDescent="0.25">
      <c r="B163" s="60" t="s">
        <v>64</v>
      </c>
      <c r="C163" s="61" t="s">
        <v>177</v>
      </c>
      <c r="D163" s="36"/>
      <c r="E163" s="71"/>
      <c r="F163" s="72"/>
    </row>
    <row r="164" spans="2:6" s="37" customFormat="1" ht="34.5" customHeight="1" x14ac:dyDescent="0.25">
      <c r="B164" s="60" t="s">
        <v>65</v>
      </c>
      <c r="C164" s="61" t="s">
        <v>178</v>
      </c>
      <c r="D164" s="36"/>
      <c r="E164" s="71"/>
      <c r="F164" s="72"/>
    </row>
    <row r="165" spans="2:6" s="37" customFormat="1" ht="30" customHeight="1" x14ac:dyDescent="0.25">
      <c r="B165" s="60" t="s">
        <v>66</v>
      </c>
      <c r="C165" s="61" t="s">
        <v>179</v>
      </c>
      <c r="D165" s="36"/>
      <c r="E165" s="71"/>
      <c r="F165" s="72"/>
    </row>
    <row r="166" spans="2:6" s="37" customFormat="1" ht="30" customHeight="1" x14ac:dyDescent="0.25">
      <c r="B166" s="77" t="s">
        <v>277</v>
      </c>
      <c r="C166" s="78"/>
      <c r="D166" s="78"/>
      <c r="E166" s="78"/>
      <c r="F166" s="79"/>
    </row>
    <row r="167" spans="2:6" s="37" customFormat="1" ht="35.25" customHeight="1" x14ac:dyDescent="0.25">
      <c r="B167" s="60" t="s">
        <v>14</v>
      </c>
      <c r="C167" s="61" t="s">
        <v>180</v>
      </c>
      <c r="D167" s="36"/>
      <c r="E167" s="71"/>
      <c r="F167" s="72"/>
    </row>
    <row r="168" spans="2:6" s="37" customFormat="1" ht="30" customHeight="1" x14ac:dyDescent="0.25">
      <c r="B168" s="60" t="s">
        <v>49</v>
      </c>
      <c r="C168" s="61" t="s">
        <v>181</v>
      </c>
      <c r="D168" s="36"/>
      <c r="E168" s="71"/>
      <c r="F168" s="72"/>
    </row>
    <row r="169" spans="2:6" s="37" customFormat="1" ht="37.5" customHeight="1" x14ac:dyDescent="0.25">
      <c r="B169" s="60" t="s">
        <v>50</v>
      </c>
      <c r="C169" s="61" t="s">
        <v>182</v>
      </c>
      <c r="D169" s="36"/>
      <c r="E169" s="71"/>
      <c r="F169" s="72"/>
    </row>
    <row r="170" spans="2:6" s="37" customFormat="1" ht="38.25" customHeight="1" x14ac:dyDescent="0.25">
      <c r="B170" s="60" t="s">
        <v>51</v>
      </c>
      <c r="C170" s="61" t="s">
        <v>183</v>
      </c>
      <c r="D170" s="36"/>
      <c r="E170" s="71"/>
      <c r="F170" s="72"/>
    </row>
    <row r="171" spans="2:6" s="37" customFormat="1" ht="40.5" customHeight="1" x14ac:dyDescent="0.25">
      <c r="B171" s="60" t="s">
        <v>64</v>
      </c>
      <c r="C171" s="61" t="s">
        <v>184</v>
      </c>
      <c r="D171" s="36"/>
      <c r="E171" s="71"/>
      <c r="F171" s="72"/>
    </row>
    <row r="172" spans="2:6" s="37" customFormat="1" ht="30" customHeight="1" x14ac:dyDescent="0.25">
      <c r="B172" s="77" t="s">
        <v>278</v>
      </c>
      <c r="C172" s="78"/>
      <c r="D172" s="78"/>
      <c r="E172" s="78"/>
      <c r="F172" s="79"/>
    </row>
    <row r="173" spans="2:6" s="37" customFormat="1" ht="35.25" customHeight="1" x14ac:dyDescent="0.25">
      <c r="B173" s="60" t="s">
        <v>14</v>
      </c>
      <c r="C173" s="61" t="s">
        <v>185</v>
      </c>
      <c r="D173" s="36"/>
      <c r="E173" s="71"/>
      <c r="F173" s="72"/>
    </row>
    <row r="174" spans="2:6" s="37" customFormat="1" ht="30" customHeight="1" x14ac:dyDescent="0.25">
      <c r="B174" s="60" t="s">
        <v>49</v>
      </c>
      <c r="C174" s="61" t="s">
        <v>186</v>
      </c>
      <c r="D174" s="36"/>
      <c r="E174" s="71"/>
      <c r="F174" s="72"/>
    </row>
    <row r="175" spans="2:6" s="37" customFormat="1" ht="37.5" customHeight="1" x14ac:dyDescent="0.25">
      <c r="B175" s="60" t="s">
        <v>50</v>
      </c>
      <c r="C175" s="61" t="s">
        <v>187</v>
      </c>
      <c r="D175" s="36"/>
      <c r="E175" s="71"/>
      <c r="F175" s="72"/>
    </row>
    <row r="176" spans="2:6" s="37" customFormat="1" ht="38.25" customHeight="1" x14ac:dyDescent="0.25">
      <c r="B176" s="60" t="s">
        <v>51</v>
      </c>
      <c r="C176" s="61" t="s">
        <v>188</v>
      </c>
      <c r="D176" s="36"/>
      <c r="E176" s="71"/>
      <c r="F176" s="72"/>
    </row>
    <row r="177" spans="2:6" s="37" customFormat="1" ht="30" customHeight="1" x14ac:dyDescent="0.25">
      <c r="B177" s="77" t="s">
        <v>279</v>
      </c>
      <c r="C177" s="78"/>
      <c r="D177" s="78"/>
      <c r="E177" s="78"/>
      <c r="F177" s="79"/>
    </row>
    <row r="178" spans="2:6" s="37" customFormat="1" ht="35.25" customHeight="1" x14ac:dyDescent="0.25">
      <c r="B178" s="60" t="s">
        <v>14</v>
      </c>
      <c r="C178" s="61" t="s">
        <v>189</v>
      </c>
      <c r="D178" s="36"/>
      <c r="E178" s="71"/>
      <c r="F178" s="72"/>
    </row>
    <row r="179" spans="2:6" s="37" customFormat="1" ht="30" customHeight="1" x14ac:dyDescent="0.25">
      <c r="B179" s="60" t="s">
        <v>49</v>
      </c>
      <c r="C179" s="61" t="s">
        <v>190</v>
      </c>
      <c r="D179" s="36"/>
      <c r="E179" s="71"/>
      <c r="F179" s="72"/>
    </row>
    <row r="180" spans="2:6" s="37" customFormat="1" ht="44.25" customHeight="1" x14ac:dyDescent="0.25">
      <c r="B180" s="60" t="s">
        <v>50</v>
      </c>
      <c r="C180" s="61" t="s">
        <v>191</v>
      </c>
      <c r="D180" s="36"/>
      <c r="E180" s="71"/>
      <c r="F180" s="72"/>
    </row>
    <row r="181" spans="2:6" s="37" customFormat="1" ht="38.25" customHeight="1" x14ac:dyDescent="0.25">
      <c r="B181" s="60" t="s">
        <v>51</v>
      </c>
      <c r="C181" s="61" t="s">
        <v>192</v>
      </c>
      <c r="D181" s="36"/>
      <c r="E181" s="71"/>
      <c r="F181" s="72"/>
    </row>
    <row r="182" spans="2:6" s="37" customFormat="1" ht="30" customHeight="1" x14ac:dyDescent="0.25">
      <c r="B182" s="60" t="s">
        <v>64</v>
      </c>
      <c r="C182" s="61" t="s">
        <v>193</v>
      </c>
      <c r="D182" s="36"/>
      <c r="E182" s="71"/>
      <c r="F182" s="72"/>
    </row>
    <row r="183" spans="2:6" s="37" customFormat="1" ht="34.5" customHeight="1" x14ac:dyDescent="0.25">
      <c r="B183" s="60" t="s">
        <v>65</v>
      </c>
      <c r="C183" s="61" t="s">
        <v>194</v>
      </c>
      <c r="D183" s="36"/>
      <c r="E183" s="71"/>
      <c r="F183" s="72"/>
    </row>
    <row r="184" spans="2:6" s="37" customFormat="1" ht="30" customHeight="1" x14ac:dyDescent="0.25">
      <c r="B184" s="60" t="s">
        <v>66</v>
      </c>
      <c r="C184" s="61" t="s">
        <v>195</v>
      </c>
      <c r="D184" s="36"/>
      <c r="E184" s="71"/>
      <c r="F184" s="72"/>
    </row>
    <row r="185" spans="2:6" s="37" customFormat="1" ht="30" customHeight="1" x14ac:dyDescent="0.25">
      <c r="B185" s="77" t="s">
        <v>280</v>
      </c>
      <c r="C185" s="78"/>
      <c r="D185" s="78"/>
      <c r="E185" s="78"/>
      <c r="F185" s="79"/>
    </row>
    <row r="186" spans="2:6" s="37" customFormat="1" ht="35.25" customHeight="1" x14ac:dyDescent="0.25">
      <c r="B186" s="60" t="s">
        <v>14</v>
      </c>
      <c r="C186" s="61" t="s">
        <v>196</v>
      </c>
      <c r="D186" s="36"/>
      <c r="E186" s="71"/>
      <c r="F186" s="72"/>
    </row>
    <row r="187" spans="2:6" s="37" customFormat="1" ht="30" customHeight="1" x14ac:dyDescent="0.25">
      <c r="B187" s="60" t="s">
        <v>49</v>
      </c>
      <c r="C187" s="61" t="s">
        <v>197</v>
      </c>
      <c r="D187" s="36"/>
      <c r="E187" s="71"/>
      <c r="F187" s="72"/>
    </row>
    <row r="188" spans="2:6" s="37" customFormat="1" ht="44.25" customHeight="1" x14ac:dyDescent="0.25">
      <c r="B188" s="60" t="s">
        <v>50</v>
      </c>
      <c r="C188" s="61" t="s">
        <v>198</v>
      </c>
      <c r="D188" s="36"/>
      <c r="E188" s="71"/>
      <c r="F188" s="72"/>
    </row>
    <row r="189" spans="2:6" s="37" customFormat="1" ht="38.25" customHeight="1" x14ac:dyDescent="0.25">
      <c r="B189" s="60" t="s">
        <v>51</v>
      </c>
      <c r="C189" s="61" t="s">
        <v>199</v>
      </c>
      <c r="D189" s="36"/>
      <c r="E189" s="71"/>
      <c r="F189" s="72"/>
    </row>
    <row r="190" spans="2:6" s="37" customFormat="1" ht="30" customHeight="1" x14ac:dyDescent="0.25">
      <c r="B190" s="60" t="s">
        <v>64</v>
      </c>
      <c r="C190" s="61" t="s">
        <v>200</v>
      </c>
      <c r="D190" s="36"/>
      <c r="E190" s="71"/>
      <c r="F190" s="72"/>
    </row>
    <row r="191" spans="2:6" s="37" customFormat="1" ht="34.5" customHeight="1" x14ac:dyDescent="0.25">
      <c r="B191" s="60" t="s">
        <v>65</v>
      </c>
      <c r="C191" s="61" t="s">
        <v>201</v>
      </c>
      <c r="D191" s="36"/>
      <c r="E191" s="71"/>
      <c r="F191" s="72"/>
    </row>
    <row r="192" spans="2:6" s="37" customFormat="1" ht="30" customHeight="1" thickBot="1" x14ac:dyDescent="0.3">
      <c r="B192" s="63" t="s">
        <v>66</v>
      </c>
      <c r="C192" s="62" t="s">
        <v>202</v>
      </c>
      <c r="D192" s="56"/>
      <c r="E192" s="73"/>
      <c r="F192" s="74"/>
    </row>
    <row r="193" spans="2:6" s="25" customFormat="1" ht="17.25" customHeight="1" x14ac:dyDescent="0.25">
      <c r="B193" s="38"/>
      <c r="C193" s="39"/>
      <c r="D193" s="40"/>
      <c r="E193" s="40"/>
      <c r="F193" s="41"/>
    </row>
    <row r="194" spans="2:6" s="16" customFormat="1" ht="20.100000000000001" customHeight="1" x14ac:dyDescent="0.25">
      <c r="B194" s="82" t="s">
        <v>41</v>
      </c>
      <c r="C194" s="82"/>
      <c r="D194" s="82"/>
      <c r="E194" s="82"/>
      <c r="F194" s="82"/>
    </row>
    <row r="195" spans="2:6" s="16" customFormat="1" ht="5.0999999999999996" customHeight="1" thickBot="1" x14ac:dyDescent="0.3">
      <c r="B195" s="27"/>
      <c r="D195" s="33"/>
      <c r="E195" s="33"/>
      <c r="F195" s="33"/>
    </row>
    <row r="196" spans="2:6" s="25" customFormat="1" ht="69" customHeight="1" x14ac:dyDescent="0.25">
      <c r="B196" s="83" t="s">
        <v>7</v>
      </c>
      <c r="C196" s="84"/>
      <c r="D196" s="87" t="s">
        <v>54</v>
      </c>
      <c r="E196" s="88"/>
      <c r="F196" s="89"/>
    </row>
    <row r="197" spans="2:6" s="25" customFormat="1" ht="30" customHeight="1" thickBot="1" x14ac:dyDescent="0.3">
      <c r="B197" s="85"/>
      <c r="C197" s="86"/>
      <c r="D197" s="57" t="s">
        <v>6</v>
      </c>
      <c r="E197" s="90" t="s">
        <v>27</v>
      </c>
      <c r="F197" s="91"/>
    </row>
    <row r="198" spans="2:6" s="16" customFormat="1" ht="51.75" customHeight="1" x14ac:dyDescent="0.25">
      <c r="B198" s="142" t="s">
        <v>14</v>
      </c>
      <c r="C198" s="143" t="s">
        <v>223</v>
      </c>
      <c r="D198" s="64"/>
      <c r="E198" s="80"/>
      <c r="F198" s="81"/>
    </row>
    <row r="199" spans="2:6" s="16" customFormat="1" ht="57.75" customHeight="1" x14ac:dyDescent="0.25">
      <c r="B199" s="144" t="s">
        <v>49</v>
      </c>
      <c r="C199" s="66" t="s">
        <v>224</v>
      </c>
      <c r="D199" s="36"/>
      <c r="E199" s="75"/>
      <c r="F199" s="76"/>
    </row>
    <row r="200" spans="2:6" s="16" customFormat="1" ht="39.75" customHeight="1" x14ac:dyDescent="0.25">
      <c r="B200" s="144" t="s">
        <v>50</v>
      </c>
      <c r="C200" s="145" t="s">
        <v>225</v>
      </c>
      <c r="D200" s="36"/>
      <c r="E200" s="75"/>
      <c r="F200" s="76"/>
    </row>
    <row r="201" spans="2:6" s="16" customFormat="1" ht="39.75" customHeight="1" x14ac:dyDescent="0.25">
      <c r="B201" s="146" t="s">
        <v>245</v>
      </c>
      <c r="C201" s="147" t="s">
        <v>226</v>
      </c>
      <c r="D201" s="36"/>
      <c r="E201" s="75"/>
      <c r="F201" s="76"/>
    </row>
    <row r="202" spans="2:6" s="16" customFormat="1" ht="36" customHeight="1" x14ac:dyDescent="0.25">
      <c r="B202" s="146" t="s">
        <v>246</v>
      </c>
      <c r="C202" s="148" t="s">
        <v>227</v>
      </c>
      <c r="D202" s="36"/>
      <c r="E202" s="75"/>
      <c r="F202" s="76"/>
    </row>
    <row r="203" spans="2:6" s="16" customFormat="1" ht="56.25" customHeight="1" x14ac:dyDescent="0.25">
      <c r="B203" s="146" t="s">
        <v>247</v>
      </c>
      <c r="C203" s="148" t="s">
        <v>228</v>
      </c>
      <c r="D203" s="36"/>
      <c r="E203" s="75"/>
      <c r="F203" s="76"/>
    </row>
    <row r="204" spans="2:6" s="16" customFormat="1" ht="139.5" customHeight="1" x14ac:dyDescent="0.25">
      <c r="B204" s="146" t="s">
        <v>248</v>
      </c>
      <c r="C204" s="149" t="s">
        <v>229</v>
      </c>
      <c r="D204" s="36"/>
      <c r="E204" s="75"/>
      <c r="F204" s="76"/>
    </row>
    <row r="205" spans="2:6" s="16" customFormat="1" ht="127.5" customHeight="1" x14ac:dyDescent="0.25">
      <c r="B205" s="142" t="s">
        <v>51</v>
      </c>
      <c r="C205" s="65" t="s">
        <v>230</v>
      </c>
      <c r="D205" s="36"/>
      <c r="E205" s="75"/>
      <c r="F205" s="76"/>
    </row>
    <row r="206" spans="2:6" s="16" customFormat="1" ht="326.25" customHeight="1" x14ac:dyDescent="0.25">
      <c r="B206" s="142" t="s">
        <v>64</v>
      </c>
      <c r="C206" s="150" t="s">
        <v>231</v>
      </c>
      <c r="D206" s="36"/>
      <c r="E206" s="75"/>
      <c r="F206" s="76"/>
    </row>
    <row r="207" spans="2:6" s="16" customFormat="1" ht="118.5" customHeight="1" x14ac:dyDescent="0.25">
      <c r="B207" s="142" t="s">
        <v>65</v>
      </c>
      <c r="C207" s="66" t="s">
        <v>232</v>
      </c>
      <c r="D207" s="36"/>
      <c r="E207" s="75"/>
      <c r="F207" s="76"/>
    </row>
    <row r="208" spans="2:6" s="16" customFormat="1" ht="251.25" customHeight="1" x14ac:dyDescent="0.25">
      <c r="B208" s="142" t="s">
        <v>66</v>
      </c>
      <c r="C208" s="66" t="s">
        <v>233</v>
      </c>
      <c r="D208" s="36"/>
      <c r="E208" s="75"/>
      <c r="F208" s="76"/>
    </row>
    <row r="209" spans="2:7" s="16" customFormat="1" ht="131.25" customHeight="1" x14ac:dyDescent="0.25">
      <c r="B209" s="142" t="s">
        <v>69</v>
      </c>
      <c r="C209" s="66" t="s">
        <v>234</v>
      </c>
      <c r="D209" s="36"/>
      <c r="E209" s="75"/>
      <c r="F209" s="76"/>
    </row>
    <row r="210" spans="2:7" s="16" customFormat="1" ht="117" customHeight="1" x14ac:dyDescent="0.25">
      <c r="B210" s="142" t="s">
        <v>70</v>
      </c>
      <c r="C210" s="150" t="s">
        <v>235</v>
      </c>
      <c r="D210" s="36"/>
      <c r="E210" s="75"/>
      <c r="F210" s="76"/>
    </row>
    <row r="211" spans="2:7" s="16" customFormat="1" ht="89.25" customHeight="1" x14ac:dyDescent="0.25">
      <c r="B211" s="142" t="s">
        <v>71</v>
      </c>
      <c r="C211" s="66" t="s">
        <v>236</v>
      </c>
      <c r="D211" s="36"/>
      <c r="E211" s="75"/>
      <c r="F211" s="76"/>
    </row>
    <row r="212" spans="2:7" s="16" customFormat="1" ht="99.75" customHeight="1" x14ac:dyDescent="0.25">
      <c r="B212" s="151" t="s">
        <v>72</v>
      </c>
      <c r="C212" s="66" t="s">
        <v>237</v>
      </c>
      <c r="D212" s="36"/>
      <c r="E212" s="97"/>
      <c r="F212" s="98"/>
    </row>
    <row r="213" spans="2:7" s="16" customFormat="1" ht="45" customHeight="1" x14ac:dyDescent="0.25">
      <c r="B213" s="151" t="s">
        <v>249</v>
      </c>
      <c r="C213" s="66" t="s">
        <v>238</v>
      </c>
      <c r="D213" s="36"/>
      <c r="E213" s="75"/>
      <c r="F213" s="76"/>
    </row>
    <row r="214" spans="2:7" s="16" customFormat="1" ht="64.5" customHeight="1" x14ac:dyDescent="0.25">
      <c r="B214" s="151" t="s">
        <v>250</v>
      </c>
      <c r="C214" s="66" t="s">
        <v>239</v>
      </c>
      <c r="D214" s="36"/>
      <c r="E214" s="75"/>
      <c r="F214" s="76"/>
    </row>
    <row r="215" spans="2:7" s="16" customFormat="1" ht="87" customHeight="1" x14ac:dyDescent="0.25">
      <c r="B215" s="142" t="s">
        <v>251</v>
      </c>
      <c r="C215" s="66" t="s">
        <v>240</v>
      </c>
      <c r="D215" s="36"/>
      <c r="E215" s="75"/>
      <c r="F215" s="76"/>
    </row>
    <row r="216" spans="2:7" s="16" customFormat="1" ht="216" customHeight="1" x14ac:dyDescent="0.25">
      <c r="B216" s="142" t="s">
        <v>252</v>
      </c>
      <c r="C216" s="66" t="s">
        <v>241</v>
      </c>
      <c r="D216" s="36"/>
      <c r="E216" s="75"/>
      <c r="F216" s="76"/>
    </row>
    <row r="217" spans="2:7" s="16" customFormat="1" ht="226.5" customHeight="1" x14ac:dyDescent="0.25">
      <c r="B217" s="142" t="s">
        <v>253</v>
      </c>
      <c r="C217" s="66" t="s">
        <v>242</v>
      </c>
      <c r="D217" s="36"/>
      <c r="E217" s="75"/>
      <c r="F217" s="76"/>
    </row>
    <row r="218" spans="2:7" s="16" customFormat="1" ht="133.5" customHeight="1" x14ac:dyDescent="0.25">
      <c r="B218" s="142" t="s">
        <v>254</v>
      </c>
      <c r="C218" s="66" t="s">
        <v>243</v>
      </c>
      <c r="D218" s="36"/>
      <c r="E218" s="75"/>
      <c r="F218" s="76"/>
    </row>
    <row r="219" spans="2:7" s="16" customFormat="1" ht="54.75" customHeight="1" thickBot="1" x14ac:dyDescent="0.3">
      <c r="B219" s="152" t="s">
        <v>255</v>
      </c>
      <c r="C219" s="153" t="s">
        <v>244</v>
      </c>
      <c r="D219" s="56"/>
      <c r="E219" s="95"/>
      <c r="F219" s="96"/>
    </row>
    <row r="220" spans="2:7" s="25" customFormat="1" ht="18.75" customHeight="1" x14ac:dyDescent="0.25">
      <c r="B220" s="39"/>
      <c r="C220" s="39"/>
      <c r="D220" s="40"/>
      <c r="E220" s="40"/>
      <c r="F220" s="41"/>
      <c r="G220" s="16"/>
    </row>
    <row r="221" spans="2:7" s="16" customFormat="1" ht="18.75" customHeight="1" x14ac:dyDescent="0.25">
      <c r="B221" s="82" t="s">
        <v>46</v>
      </c>
      <c r="C221" s="82"/>
      <c r="D221" s="82"/>
      <c r="E221" s="82"/>
      <c r="F221" s="82"/>
    </row>
    <row r="222" spans="2:7" s="16" customFormat="1" ht="4.5" customHeight="1" thickBot="1" x14ac:dyDescent="0.3"/>
    <row r="223" spans="2:7" s="16" customFormat="1" ht="80.25" customHeight="1" x14ac:dyDescent="0.25">
      <c r="B223" s="106" t="s">
        <v>68</v>
      </c>
      <c r="C223" s="107"/>
      <c r="D223" s="110" t="s">
        <v>47</v>
      </c>
      <c r="E223" s="111"/>
      <c r="F223" s="112"/>
    </row>
    <row r="224" spans="2:7" s="25" customFormat="1" ht="29.25" customHeight="1" thickBot="1" x14ac:dyDescent="0.3">
      <c r="B224" s="108"/>
      <c r="C224" s="109"/>
      <c r="D224" s="58" t="s">
        <v>6</v>
      </c>
      <c r="E224" s="113" t="s">
        <v>27</v>
      </c>
      <c r="F224" s="114"/>
      <c r="G224" s="16"/>
    </row>
    <row r="225" spans="2:7" s="25" customFormat="1" ht="130.5" customHeight="1" x14ac:dyDescent="0.25">
      <c r="B225" s="154" t="s">
        <v>14</v>
      </c>
      <c r="C225" s="155" t="s">
        <v>63</v>
      </c>
      <c r="D225" s="42"/>
      <c r="E225" s="80"/>
      <c r="F225" s="81"/>
      <c r="G225" s="16"/>
    </row>
    <row r="226" spans="2:7" s="25" customFormat="1" ht="31.5" customHeight="1" x14ac:dyDescent="0.25">
      <c r="B226" s="142" t="s">
        <v>49</v>
      </c>
      <c r="C226" s="156" t="s">
        <v>57</v>
      </c>
      <c r="D226" s="59"/>
      <c r="E226" s="75"/>
      <c r="F226" s="76"/>
      <c r="G226" s="16"/>
    </row>
    <row r="227" spans="2:7" s="25" customFormat="1" ht="30" customHeight="1" x14ac:dyDescent="0.25">
      <c r="B227" s="157" t="s">
        <v>50</v>
      </c>
      <c r="C227" s="156" t="s">
        <v>48</v>
      </c>
      <c r="D227" s="59"/>
      <c r="E227" s="75"/>
      <c r="F227" s="76"/>
      <c r="G227" s="16"/>
    </row>
    <row r="228" spans="2:7" s="25" customFormat="1" ht="49.5" customHeight="1" x14ac:dyDescent="0.25">
      <c r="B228" s="157" t="s">
        <v>51</v>
      </c>
      <c r="C228" s="158" t="s">
        <v>67</v>
      </c>
      <c r="D228" s="59"/>
      <c r="E228" s="75"/>
      <c r="F228" s="76"/>
      <c r="G228" s="16"/>
    </row>
    <row r="229" spans="2:7" s="25" customFormat="1" ht="144" customHeight="1" thickBot="1" x14ac:dyDescent="0.3">
      <c r="B229" s="159" t="s">
        <v>64</v>
      </c>
      <c r="C229" s="160" t="s">
        <v>256</v>
      </c>
      <c r="D229" s="43"/>
      <c r="E229" s="95"/>
      <c r="F229" s="96"/>
      <c r="G229" s="16"/>
    </row>
    <row r="230" spans="2:7" s="16" customFormat="1" ht="15" customHeight="1" x14ac:dyDescent="0.25">
      <c r="B230" s="39"/>
      <c r="C230" s="39"/>
      <c r="D230" s="40"/>
      <c r="E230" s="40"/>
      <c r="F230" s="41"/>
    </row>
    <row r="231" spans="2:7" s="16" customFormat="1" ht="20.100000000000001" customHeight="1" x14ac:dyDescent="0.25">
      <c r="B231" s="82" t="s">
        <v>13</v>
      </c>
      <c r="C231" s="82"/>
      <c r="D231" s="82"/>
      <c r="E231" s="82"/>
      <c r="F231" s="82"/>
    </row>
    <row r="232" spans="2:7" s="25" customFormat="1" ht="24.75" customHeight="1" x14ac:dyDescent="0.25">
      <c r="B232" s="39" t="s">
        <v>15</v>
      </c>
      <c r="C232" s="119" t="s">
        <v>58</v>
      </c>
      <c r="D232" s="119"/>
      <c r="E232" s="119"/>
      <c r="F232" s="119"/>
      <c r="G232" s="16"/>
    </row>
    <row r="233" spans="2:7" s="25" customFormat="1" ht="23.25" customHeight="1" x14ac:dyDescent="0.25">
      <c r="B233" s="39" t="s">
        <v>61</v>
      </c>
      <c r="C233" s="119" t="s">
        <v>62</v>
      </c>
      <c r="D233" s="119"/>
      <c r="E233" s="119"/>
      <c r="F233" s="119"/>
      <c r="G233" s="16"/>
    </row>
    <row r="234" spans="2:7" s="44" customFormat="1" ht="30" customHeight="1" x14ac:dyDescent="0.25">
      <c r="B234" s="120" t="s">
        <v>28</v>
      </c>
      <c r="C234" s="120"/>
      <c r="D234" s="120"/>
      <c r="E234" s="120"/>
      <c r="F234" s="25"/>
      <c r="G234" s="16"/>
    </row>
    <row r="235" spans="2:7" s="16" customFormat="1" ht="24.95" customHeight="1" x14ac:dyDescent="0.25">
      <c r="B235" s="45" t="s">
        <v>29</v>
      </c>
      <c r="C235" s="117"/>
      <c r="D235" s="117"/>
      <c r="F235" s="44"/>
    </row>
    <row r="236" spans="2:7" s="16" customFormat="1" ht="24.95" customHeight="1" x14ac:dyDescent="0.25">
      <c r="B236" s="45" t="s">
        <v>30</v>
      </c>
      <c r="C236" s="117"/>
      <c r="D236" s="117"/>
      <c r="F236" s="44"/>
    </row>
    <row r="237" spans="2:7" s="16" customFormat="1" ht="24.95" customHeight="1" x14ac:dyDescent="0.25">
      <c r="B237" s="45" t="s">
        <v>31</v>
      </c>
      <c r="C237" s="117"/>
      <c r="D237" s="117"/>
      <c r="F237" s="44"/>
    </row>
    <row r="238" spans="2:7" s="25" customFormat="1" ht="24.95" customHeight="1" x14ac:dyDescent="0.25">
      <c r="B238" s="45" t="s">
        <v>32</v>
      </c>
      <c r="C238" s="117"/>
      <c r="D238" s="117"/>
      <c r="E238" s="16"/>
      <c r="F238" s="46"/>
      <c r="G238" s="16"/>
    </row>
    <row r="239" spans="2:7" s="16" customFormat="1" ht="14.25" customHeight="1" x14ac:dyDescent="0.2">
      <c r="B239" s="47"/>
      <c r="C239" s="1"/>
      <c r="D239" s="1"/>
      <c r="F239" s="48"/>
    </row>
    <row r="240" spans="2:7" s="25" customFormat="1" ht="15" customHeight="1" x14ac:dyDescent="0.25">
      <c r="B240" s="121" t="s">
        <v>33</v>
      </c>
      <c r="C240" s="121"/>
      <c r="D240" s="121"/>
      <c r="E240" s="121"/>
      <c r="F240" s="121"/>
    </row>
    <row r="241" spans="1:15" s="16" customFormat="1" ht="36.75" customHeight="1" x14ac:dyDescent="0.25">
      <c r="B241" s="118" t="s">
        <v>60</v>
      </c>
      <c r="C241" s="118"/>
      <c r="D241" s="118"/>
      <c r="E241" s="118"/>
      <c r="F241" s="118"/>
    </row>
    <row r="242" spans="1:15" s="16" customFormat="1" ht="20.100000000000001" customHeight="1" x14ac:dyDescent="0.2">
      <c r="B242" s="11"/>
      <c r="C242" s="11"/>
      <c r="D242" s="26"/>
      <c r="E242" s="26"/>
    </row>
    <row r="243" spans="1:15" s="25" customFormat="1" ht="4.5" customHeight="1" x14ac:dyDescent="0.2">
      <c r="B243" s="11"/>
      <c r="C243" s="11"/>
      <c r="D243" s="26"/>
      <c r="E243" s="26"/>
      <c r="F243" s="16"/>
    </row>
    <row r="244" spans="1:15" s="25" customFormat="1" ht="20.100000000000001" customHeight="1" x14ac:dyDescent="0.25">
      <c r="B244" s="49" t="s">
        <v>34</v>
      </c>
      <c r="C244" s="50"/>
      <c r="D244" s="51" t="s">
        <v>35</v>
      </c>
      <c r="E244" s="115"/>
      <c r="F244" s="115"/>
    </row>
    <row r="245" spans="1:15" s="25" customFormat="1" ht="20.100000000000001" customHeight="1" x14ac:dyDescent="0.25">
      <c r="B245" s="52"/>
      <c r="C245" s="52"/>
      <c r="D245" s="52"/>
      <c r="E245" s="53"/>
      <c r="F245" s="53"/>
    </row>
    <row r="246" spans="1:15" ht="20.100000000000001" customHeight="1" x14ac:dyDescent="0.2">
      <c r="B246" s="49" t="s">
        <v>36</v>
      </c>
      <c r="C246" s="50"/>
      <c r="D246" s="54" t="s">
        <v>37</v>
      </c>
      <c r="E246" s="116"/>
      <c r="F246" s="116"/>
    </row>
    <row r="247" spans="1:15" s="16" customFormat="1" ht="20.100000000000001" customHeight="1" x14ac:dyDescent="0.2">
      <c r="B247" s="11"/>
      <c r="C247" s="11"/>
      <c r="D247" s="54" t="s">
        <v>38</v>
      </c>
      <c r="E247" s="117"/>
      <c r="F247" s="117"/>
    </row>
    <row r="248" spans="1:15" s="16" customFormat="1" ht="20.100000000000001" customHeight="1" x14ac:dyDescent="0.2">
      <c r="B248" s="11"/>
      <c r="C248" s="11"/>
      <c r="D248" s="55" t="s">
        <v>39</v>
      </c>
      <c r="E248" s="11"/>
    </row>
    <row r="249" spans="1:15" s="1" customFormat="1" ht="12" x14ac:dyDescent="0.2">
      <c r="A249" s="105" t="s">
        <v>55</v>
      </c>
      <c r="B249" s="105"/>
      <c r="D249" s="70"/>
      <c r="E249" s="70"/>
      <c r="F249" s="2"/>
      <c r="G249" s="2"/>
      <c r="H249" s="2"/>
      <c r="I249" s="2"/>
      <c r="J249" s="2"/>
      <c r="K249" s="2"/>
      <c r="L249" s="2"/>
      <c r="M249" s="3"/>
      <c r="O249" s="3"/>
    </row>
    <row r="250" spans="1:15" s="10" customFormat="1" ht="15" x14ac:dyDescent="0.25">
      <c r="A250" s="4"/>
      <c r="B250" s="5" t="s">
        <v>56</v>
      </c>
      <c r="C250" s="6"/>
      <c r="D250" s="7"/>
      <c r="E250" s="7"/>
      <c r="F250" s="8"/>
      <c r="G250" s="8"/>
      <c r="H250" s="8"/>
      <c r="I250" s="8"/>
      <c r="J250" s="8"/>
      <c r="K250" s="8"/>
      <c r="L250" s="8"/>
      <c r="M250" s="9"/>
      <c r="O250" s="9"/>
    </row>
    <row r="251" spans="1:15" s="16" customFormat="1" ht="24" customHeight="1" x14ac:dyDescent="0.25"/>
    <row r="252" spans="1:15" s="16" customFormat="1" ht="24" customHeight="1" x14ac:dyDescent="0.25"/>
    <row r="253" spans="1:15" s="16" customFormat="1" ht="24" customHeight="1" x14ac:dyDescent="0.25"/>
    <row r="254" spans="1:15" s="16" customFormat="1" ht="20.100000000000001" customHeight="1" x14ac:dyDescent="0.25"/>
    <row r="255" spans="1:15" s="16" customFormat="1" ht="20.100000000000001" customHeight="1" x14ac:dyDescent="0.25"/>
    <row r="256" spans="1:15" s="16" customFormat="1" ht="50.1" customHeight="1" x14ac:dyDescent="0.25"/>
    <row r="257" spans="2:5" s="16" customFormat="1" ht="43.5" customHeight="1" x14ac:dyDescent="0.25"/>
    <row r="258" spans="2:5" ht="24.75" customHeight="1" x14ac:dyDescent="0.2">
      <c r="B258" s="16"/>
      <c r="C258" s="16"/>
      <c r="D258" s="16"/>
      <c r="E258" s="16"/>
    </row>
    <row r="259" spans="2:5" x14ac:dyDescent="0.2">
      <c r="B259" s="16"/>
      <c r="C259" s="16"/>
      <c r="D259" s="16"/>
      <c r="E259" s="16"/>
    </row>
    <row r="260" spans="2:5" ht="20.100000000000001" customHeight="1" x14ac:dyDescent="0.2"/>
    <row r="261" spans="2:5" ht="4.5" customHeight="1" x14ac:dyDescent="0.2"/>
    <row r="262" spans="2:5" ht="20.100000000000001" customHeight="1" x14ac:dyDescent="0.2"/>
    <row r="263" spans="2:5" ht="20.100000000000001" customHeight="1" x14ac:dyDescent="0.2"/>
    <row r="264" spans="2:5" ht="20.100000000000001" customHeight="1" x14ac:dyDescent="0.2"/>
  </sheetData>
  <sheetProtection algorithmName="SHA-512" hashValue="J4CtamHz5L0LOrnY1zXpWY9V1dpyRqBCORYneVhi/u2WHMt4iW9FD85n1nEeQ7UHogKtG3iMyqN4R/S71gbG9g==" saltValue="V7kPUTrwd/0D5dQerI/dpA==" spinCount="100000" sheet="1" formatCells="0" formatColumns="0" formatRows="0" insertColumns="0" insertRows="0" insertHyperlinks="0" deleteColumns="0" deleteRows="0" selectLockedCells="1" sort="0" autoFilter="0" pivotTables="0"/>
  <mergeCells count="211">
    <mergeCell ref="E61:F61"/>
    <mergeCell ref="E76:F76"/>
    <mergeCell ref="B51:C51"/>
    <mergeCell ref="B3:F3"/>
    <mergeCell ref="B12:D12"/>
    <mergeCell ref="B7:F7"/>
    <mergeCell ref="B8:F8"/>
    <mergeCell ref="B9:F9"/>
    <mergeCell ref="B11:F11"/>
    <mergeCell ref="B2:F2"/>
    <mergeCell ref="B59:F59"/>
    <mergeCell ref="E60:F60"/>
    <mergeCell ref="B1:F1"/>
    <mergeCell ref="B25:C25"/>
    <mergeCell ref="B23:F23"/>
    <mergeCell ref="B15:D15"/>
    <mergeCell ref="B21:F21"/>
    <mergeCell ref="B22:D22"/>
    <mergeCell ref="B24:F24"/>
    <mergeCell ref="B13:D13"/>
    <mergeCell ref="B14:D14"/>
    <mergeCell ref="B18:D18"/>
    <mergeCell ref="B19:D19"/>
    <mergeCell ref="B20:F20"/>
    <mergeCell ref="A249:B249"/>
    <mergeCell ref="B221:F221"/>
    <mergeCell ref="B223:C224"/>
    <mergeCell ref="D223:F223"/>
    <mergeCell ref="E224:F224"/>
    <mergeCell ref="E244:F244"/>
    <mergeCell ref="E246:F246"/>
    <mergeCell ref="E247:F247"/>
    <mergeCell ref="B241:F241"/>
    <mergeCell ref="B231:F231"/>
    <mergeCell ref="C232:F232"/>
    <mergeCell ref="B234:E234"/>
    <mergeCell ref="B240:F240"/>
    <mergeCell ref="C235:D235"/>
    <mergeCell ref="C236:D236"/>
    <mergeCell ref="C237:D237"/>
    <mergeCell ref="C233:F233"/>
    <mergeCell ref="C238:D238"/>
    <mergeCell ref="E228:F228"/>
    <mergeCell ref="E229:F229"/>
    <mergeCell ref="E225:F225"/>
    <mergeCell ref="E226:F226"/>
    <mergeCell ref="E86:F86"/>
    <mergeCell ref="E87:F87"/>
    <mergeCell ref="E63:F63"/>
    <mergeCell ref="E64:F64"/>
    <mergeCell ref="E65:F65"/>
    <mergeCell ref="E74:F74"/>
    <mergeCell ref="B28:C28"/>
    <mergeCell ref="E83:F83"/>
    <mergeCell ref="E82:F82"/>
    <mergeCell ref="E81:F81"/>
    <mergeCell ref="E77:F77"/>
    <mergeCell ref="E78:F78"/>
    <mergeCell ref="E84:F84"/>
    <mergeCell ref="E80:F80"/>
    <mergeCell ref="C29:D29"/>
    <mergeCell ref="B57:C58"/>
    <mergeCell ref="D57:F57"/>
    <mergeCell ref="E58:F58"/>
    <mergeCell ref="E79:F79"/>
    <mergeCell ref="B67:F67"/>
    <mergeCell ref="B55:F55"/>
    <mergeCell ref="C30:D30"/>
    <mergeCell ref="C31:D31"/>
    <mergeCell ref="E203:F203"/>
    <mergeCell ref="E204:F204"/>
    <mergeCell ref="E205:F205"/>
    <mergeCell ref="E217:F217"/>
    <mergeCell ref="E218:F218"/>
    <mergeCell ref="E219:F219"/>
    <mergeCell ref="E207:F207"/>
    <mergeCell ref="E208:F208"/>
    <mergeCell ref="E209:F209"/>
    <mergeCell ref="E210:F210"/>
    <mergeCell ref="E211:F211"/>
    <mergeCell ref="E213:F213"/>
    <mergeCell ref="E214:F214"/>
    <mergeCell ref="E215:F215"/>
    <mergeCell ref="E216:F216"/>
    <mergeCell ref="E212:F212"/>
    <mergeCell ref="B117:F117"/>
    <mergeCell ref="E118:F118"/>
    <mergeCell ref="B85:F85"/>
    <mergeCell ref="B75:F75"/>
    <mergeCell ref="E92:F92"/>
    <mergeCell ref="E93:F93"/>
    <mergeCell ref="E94:F94"/>
    <mergeCell ref="B95:F95"/>
    <mergeCell ref="E68:F68"/>
    <mergeCell ref="E69:F69"/>
    <mergeCell ref="E70:F70"/>
    <mergeCell ref="E71:F71"/>
    <mergeCell ref="E72:F72"/>
    <mergeCell ref="E89:F89"/>
    <mergeCell ref="E90:F90"/>
    <mergeCell ref="E91:F91"/>
    <mergeCell ref="E88:F88"/>
    <mergeCell ref="B62:F62"/>
    <mergeCell ref="B73:F73"/>
    <mergeCell ref="E66:F66"/>
    <mergeCell ref="B108:F108"/>
    <mergeCell ref="E109:F109"/>
    <mergeCell ref="E110:F110"/>
    <mergeCell ref="E111:F111"/>
    <mergeCell ref="E112:F112"/>
    <mergeCell ref="E113:F113"/>
    <mergeCell ref="E114:F114"/>
    <mergeCell ref="E115:F115"/>
    <mergeCell ref="E116:F116"/>
    <mergeCell ref="E96:F96"/>
    <mergeCell ref="E97:F97"/>
    <mergeCell ref="E98:F98"/>
    <mergeCell ref="E103:F103"/>
    <mergeCell ref="E104:F104"/>
    <mergeCell ref="E105:F105"/>
    <mergeCell ref="E106:F106"/>
    <mergeCell ref="E107:F107"/>
    <mergeCell ref="B99:F99"/>
    <mergeCell ref="E100:F100"/>
    <mergeCell ref="E101:F101"/>
    <mergeCell ref="E102:F102"/>
    <mergeCell ref="E119:F119"/>
    <mergeCell ref="E120:F120"/>
    <mergeCell ref="E121:F121"/>
    <mergeCell ref="E122:F122"/>
    <mergeCell ref="E123:F123"/>
    <mergeCell ref="E124:F124"/>
    <mergeCell ref="E125:F125"/>
    <mergeCell ref="B126:F126"/>
    <mergeCell ref="E127:F127"/>
    <mergeCell ref="E128:F128"/>
    <mergeCell ref="E129:F129"/>
    <mergeCell ref="E130:F130"/>
    <mergeCell ref="E131:F131"/>
    <mergeCell ref="E132:F132"/>
    <mergeCell ref="E133:F133"/>
    <mergeCell ref="E134:F134"/>
    <mergeCell ref="B135:F135"/>
    <mergeCell ref="E136:F136"/>
    <mergeCell ref="E137:F137"/>
    <mergeCell ref="B138:F138"/>
    <mergeCell ref="E139:F139"/>
    <mergeCell ref="E140:F140"/>
    <mergeCell ref="E141:F141"/>
    <mergeCell ref="E142:F142"/>
    <mergeCell ref="E143:F143"/>
    <mergeCell ref="E156:F156"/>
    <mergeCell ref="E157:F157"/>
    <mergeCell ref="B144:F144"/>
    <mergeCell ref="E145:F145"/>
    <mergeCell ref="B146:F146"/>
    <mergeCell ref="E147:F147"/>
    <mergeCell ref="E148:F148"/>
    <mergeCell ref="E149:F149"/>
    <mergeCell ref="E150:F150"/>
    <mergeCell ref="E151:F151"/>
    <mergeCell ref="E152:F152"/>
    <mergeCell ref="E153:F153"/>
    <mergeCell ref="E154:F154"/>
    <mergeCell ref="E155:F155"/>
    <mergeCell ref="B158:F158"/>
    <mergeCell ref="E159:F159"/>
    <mergeCell ref="E160:F160"/>
    <mergeCell ref="E161:F161"/>
    <mergeCell ref="E162:F162"/>
    <mergeCell ref="B172:F172"/>
    <mergeCell ref="E173:F173"/>
    <mergeCell ref="E174:F174"/>
    <mergeCell ref="E175:F175"/>
    <mergeCell ref="E176:F176"/>
    <mergeCell ref="B177:F177"/>
    <mergeCell ref="E178:F178"/>
    <mergeCell ref="E179:F179"/>
    <mergeCell ref="E163:F163"/>
    <mergeCell ref="E164:F164"/>
    <mergeCell ref="E165:F165"/>
    <mergeCell ref="B166:F166"/>
    <mergeCell ref="E167:F167"/>
    <mergeCell ref="E168:F168"/>
    <mergeCell ref="E169:F169"/>
    <mergeCell ref="E170:F170"/>
    <mergeCell ref="E171:F171"/>
    <mergeCell ref="E189:F189"/>
    <mergeCell ref="E190:F190"/>
    <mergeCell ref="E191:F191"/>
    <mergeCell ref="E192:F192"/>
    <mergeCell ref="E227:F227"/>
    <mergeCell ref="E180:F180"/>
    <mergeCell ref="E181:F181"/>
    <mergeCell ref="E182:F182"/>
    <mergeCell ref="E183:F183"/>
    <mergeCell ref="E184:F184"/>
    <mergeCell ref="B185:F185"/>
    <mergeCell ref="E186:F186"/>
    <mergeCell ref="E187:F187"/>
    <mergeCell ref="E188:F188"/>
    <mergeCell ref="E206:F206"/>
    <mergeCell ref="E198:F198"/>
    <mergeCell ref="B194:F194"/>
    <mergeCell ref="B196:C197"/>
    <mergeCell ref="D196:F196"/>
    <mergeCell ref="E197:F197"/>
    <mergeCell ref="E199:F199"/>
    <mergeCell ref="E200:F200"/>
    <mergeCell ref="E201:F201"/>
    <mergeCell ref="E202:F202"/>
  </mergeCells>
  <conditionalFormatting sqref="D198 D203:D207">
    <cfRule type="containsBlanks" dxfId="112" priority="552">
      <formula>LEN(TRIM(D198))=0</formula>
    </cfRule>
  </conditionalFormatting>
  <conditionalFormatting sqref="E246:F246">
    <cfRule type="containsBlanks" dxfId="111" priority="551">
      <formula>LEN(TRIM(E246))=0</formula>
    </cfRule>
  </conditionalFormatting>
  <conditionalFormatting sqref="C244">
    <cfRule type="containsBlanks" dxfId="110" priority="549">
      <formula>LEN(TRIM(C244))=0</formula>
    </cfRule>
  </conditionalFormatting>
  <conditionalFormatting sqref="E247:F247">
    <cfRule type="containsBlanks" dxfId="109" priority="550">
      <formula>LEN(TRIM(E247))=0</formula>
    </cfRule>
  </conditionalFormatting>
  <conditionalFormatting sqref="C246">
    <cfRule type="containsBlanks" dxfId="108" priority="548">
      <formula>LEN(TRIM(C246))=0</formula>
    </cfRule>
  </conditionalFormatting>
  <conditionalFormatting sqref="C4:C5">
    <cfRule type="containsBlanks" dxfId="107" priority="547">
      <formula>LEN(TRIM(C4))=0</formula>
    </cfRule>
  </conditionalFormatting>
  <conditionalFormatting sqref="C237:D237">
    <cfRule type="containsBlanks" dxfId="106" priority="537">
      <formula>LEN(TRIM(C237))=0</formula>
    </cfRule>
  </conditionalFormatting>
  <conditionalFormatting sqref="C236:D236">
    <cfRule type="containsBlanks" dxfId="105" priority="488">
      <formula>LEN(TRIM(C236))=0</formula>
    </cfRule>
  </conditionalFormatting>
  <conditionalFormatting sqref="C235:D235">
    <cfRule type="containsBlanks" dxfId="104" priority="487">
      <formula>LEN(TRIM(C235))=0</formula>
    </cfRule>
  </conditionalFormatting>
  <conditionalFormatting sqref="C238:D238">
    <cfRule type="containsBlanks" dxfId="103" priority="486">
      <formula>LEN(TRIM(C238))=0</formula>
    </cfRule>
  </conditionalFormatting>
  <conditionalFormatting sqref="D225">
    <cfRule type="containsBlanks" dxfId="102" priority="192">
      <formula>LEN(TRIM(D225))=0</formula>
    </cfRule>
  </conditionalFormatting>
  <conditionalFormatting sqref="D226">
    <cfRule type="containsBlanks" dxfId="101" priority="191">
      <formula>LEN(TRIM(D226))=0</formula>
    </cfRule>
  </conditionalFormatting>
  <conditionalFormatting sqref="D229">
    <cfRule type="containsBlanks" dxfId="100" priority="190">
      <formula>LEN(TRIM(D229))=0</formula>
    </cfRule>
  </conditionalFormatting>
  <conditionalFormatting sqref="D228">
    <cfRule type="containsBlanks" dxfId="99" priority="189">
      <formula>LEN(TRIM(D228))=0</formula>
    </cfRule>
  </conditionalFormatting>
  <conditionalFormatting sqref="D219">
    <cfRule type="containsBlanks" dxfId="98" priority="182">
      <formula>LEN(TRIM(D219))=0</formula>
    </cfRule>
  </conditionalFormatting>
  <conditionalFormatting sqref="D209:D213 D199:D202">
    <cfRule type="containsBlanks" dxfId="97" priority="176">
      <formula>LEN(TRIM(D199))=0</formula>
    </cfRule>
  </conditionalFormatting>
  <conditionalFormatting sqref="D208">
    <cfRule type="containsBlanks" dxfId="96" priority="175">
      <formula>LEN(TRIM(D208))=0</formula>
    </cfRule>
  </conditionalFormatting>
  <conditionalFormatting sqref="D214">
    <cfRule type="containsBlanks" dxfId="95" priority="173">
      <formula>LEN(TRIM(D214))=0</formula>
    </cfRule>
  </conditionalFormatting>
  <conditionalFormatting sqref="D215:D216">
    <cfRule type="containsBlanks" dxfId="94" priority="172">
      <formula>LEN(TRIM(D215))=0</formula>
    </cfRule>
  </conditionalFormatting>
  <conditionalFormatting sqref="D217:D218">
    <cfRule type="containsBlanks" dxfId="93" priority="171">
      <formula>LEN(TRIM(D217))=0</formula>
    </cfRule>
  </conditionalFormatting>
  <conditionalFormatting sqref="D64:D65">
    <cfRule type="containsBlanks" dxfId="92" priority="166">
      <formula>LEN(TRIM(D64))=0</formula>
    </cfRule>
  </conditionalFormatting>
  <conditionalFormatting sqref="D63">
    <cfRule type="containsBlanks" dxfId="91" priority="169">
      <formula>LEN(TRIM(D63))=0</formula>
    </cfRule>
  </conditionalFormatting>
  <conditionalFormatting sqref="D74">
    <cfRule type="containsBlanks" dxfId="90" priority="141">
      <formula>LEN(TRIM(D74))=0</formula>
    </cfRule>
  </conditionalFormatting>
  <conditionalFormatting sqref="D72">
    <cfRule type="containsBlanks" dxfId="89" priority="150">
      <formula>LEN(TRIM(D72))=0</formula>
    </cfRule>
  </conditionalFormatting>
  <conditionalFormatting sqref="D66">
    <cfRule type="containsBlanks" dxfId="88" priority="165">
      <formula>LEN(TRIM(D66))=0</formula>
    </cfRule>
  </conditionalFormatting>
  <conditionalFormatting sqref="D71">
    <cfRule type="containsBlanks" dxfId="87" priority="151">
      <formula>LEN(TRIM(D71))=0</formula>
    </cfRule>
  </conditionalFormatting>
  <conditionalFormatting sqref="D68">
    <cfRule type="containsBlanks" dxfId="86" priority="153">
      <formula>LEN(TRIM(D68))=0</formula>
    </cfRule>
  </conditionalFormatting>
  <conditionalFormatting sqref="D69:D70">
    <cfRule type="containsBlanks" dxfId="85" priority="152">
      <formula>LEN(TRIM(D69))=0</formula>
    </cfRule>
  </conditionalFormatting>
  <conditionalFormatting sqref="D92:D93">
    <cfRule type="containsBlanks" dxfId="84" priority="83">
      <formula>LEN(TRIM(D92))=0</formula>
    </cfRule>
  </conditionalFormatting>
  <conditionalFormatting sqref="D82:D83">
    <cfRule type="containsBlanks" dxfId="83" priority="91">
      <formula>LEN(TRIM(D82))=0</formula>
    </cfRule>
  </conditionalFormatting>
  <conditionalFormatting sqref="D77:D78">
    <cfRule type="containsBlanks" dxfId="82" priority="87">
      <formula>LEN(TRIM(D77))=0</formula>
    </cfRule>
  </conditionalFormatting>
  <conditionalFormatting sqref="D84">
    <cfRule type="containsBlanks" dxfId="81" priority="90">
      <formula>LEN(TRIM(D84))=0</formula>
    </cfRule>
  </conditionalFormatting>
  <conditionalFormatting sqref="D86">
    <cfRule type="containsBlanks" dxfId="80" priority="81">
      <formula>LEN(TRIM(D86))=0</formula>
    </cfRule>
  </conditionalFormatting>
  <conditionalFormatting sqref="D79">
    <cfRule type="containsBlanks" dxfId="79" priority="86">
      <formula>LEN(TRIM(D79))=0</formula>
    </cfRule>
  </conditionalFormatting>
  <conditionalFormatting sqref="D87:D88">
    <cfRule type="containsBlanks" dxfId="78" priority="80">
      <formula>LEN(TRIM(D87))=0</formula>
    </cfRule>
  </conditionalFormatting>
  <conditionalFormatting sqref="D81">
    <cfRule type="containsBlanks" dxfId="77" priority="92">
      <formula>LEN(TRIM(D81))=0</formula>
    </cfRule>
  </conditionalFormatting>
  <conditionalFormatting sqref="D105">
    <cfRule type="containsBlanks" dxfId="76" priority="77">
      <formula>LEN(TRIM(D105))=0</formula>
    </cfRule>
  </conditionalFormatting>
  <conditionalFormatting sqref="D80">
    <cfRule type="containsBlanks" dxfId="75" priority="85">
      <formula>LEN(TRIM(D80))=0</formula>
    </cfRule>
  </conditionalFormatting>
  <conditionalFormatting sqref="D76">
    <cfRule type="containsBlanks" dxfId="74" priority="88">
      <formula>LEN(TRIM(D76))=0</formula>
    </cfRule>
  </conditionalFormatting>
  <conditionalFormatting sqref="D94">
    <cfRule type="containsBlanks" dxfId="73" priority="82">
      <formula>LEN(TRIM(D94))=0</formula>
    </cfRule>
  </conditionalFormatting>
  <conditionalFormatting sqref="D91">
    <cfRule type="containsBlanks" dxfId="72" priority="84">
      <formula>LEN(TRIM(D91))=0</formula>
    </cfRule>
  </conditionalFormatting>
  <conditionalFormatting sqref="D96">
    <cfRule type="containsBlanks" dxfId="71" priority="74">
      <formula>LEN(TRIM(D96))=0</formula>
    </cfRule>
  </conditionalFormatting>
  <conditionalFormatting sqref="D106:D107">
    <cfRule type="containsBlanks" dxfId="70" priority="76">
      <formula>LEN(TRIM(D106))=0</formula>
    </cfRule>
  </conditionalFormatting>
  <conditionalFormatting sqref="D89">
    <cfRule type="containsBlanks" dxfId="69" priority="79">
      <formula>LEN(TRIM(D89))=0</formula>
    </cfRule>
  </conditionalFormatting>
  <conditionalFormatting sqref="D90">
    <cfRule type="containsBlanks" dxfId="68" priority="78">
      <formula>LEN(TRIM(D90))=0</formula>
    </cfRule>
  </conditionalFormatting>
  <conditionalFormatting sqref="D97:D98">
    <cfRule type="containsBlanks" dxfId="67" priority="73">
      <formula>LEN(TRIM(D97))=0</formula>
    </cfRule>
  </conditionalFormatting>
  <conditionalFormatting sqref="D104">
    <cfRule type="containsBlanks" dxfId="66" priority="71">
      <formula>LEN(TRIM(D104))=0</formula>
    </cfRule>
  </conditionalFormatting>
  <conditionalFormatting sqref="D103">
    <cfRule type="containsBlanks" dxfId="65" priority="72">
      <formula>LEN(TRIM(D103))=0</formula>
    </cfRule>
  </conditionalFormatting>
  <conditionalFormatting sqref="D114">
    <cfRule type="containsBlanks" dxfId="64" priority="68">
      <formula>LEN(TRIM(D114))=0</formula>
    </cfRule>
  </conditionalFormatting>
  <conditionalFormatting sqref="D101:D102">
    <cfRule type="containsBlanks" dxfId="63" priority="69">
      <formula>LEN(TRIM(D101))=0</formula>
    </cfRule>
  </conditionalFormatting>
  <conditionalFormatting sqref="D100">
    <cfRule type="containsBlanks" dxfId="62" priority="70">
      <formula>LEN(TRIM(D100))=0</formula>
    </cfRule>
  </conditionalFormatting>
  <conditionalFormatting sqref="D115:D116">
    <cfRule type="containsBlanks" dxfId="61" priority="67">
      <formula>LEN(TRIM(D115))=0</formula>
    </cfRule>
  </conditionalFormatting>
  <conditionalFormatting sqref="D110:D111">
    <cfRule type="containsBlanks" dxfId="60" priority="63">
      <formula>LEN(TRIM(D110))=0</formula>
    </cfRule>
  </conditionalFormatting>
  <conditionalFormatting sqref="D112">
    <cfRule type="containsBlanks" dxfId="59" priority="66">
      <formula>LEN(TRIM(D112))=0</formula>
    </cfRule>
  </conditionalFormatting>
  <conditionalFormatting sqref="D113">
    <cfRule type="containsBlanks" dxfId="58" priority="65">
      <formula>LEN(TRIM(D113))=0</formula>
    </cfRule>
  </conditionalFormatting>
  <conditionalFormatting sqref="D123">
    <cfRule type="containsBlanks" dxfId="57" priority="62">
      <formula>LEN(TRIM(D123))=0</formula>
    </cfRule>
  </conditionalFormatting>
  <conditionalFormatting sqref="D109">
    <cfRule type="containsBlanks" dxfId="56" priority="64">
      <formula>LEN(TRIM(D109))=0</formula>
    </cfRule>
  </conditionalFormatting>
  <conditionalFormatting sqref="D124:D125">
    <cfRule type="containsBlanks" dxfId="55" priority="61">
      <formula>LEN(TRIM(D124))=0</formula>
    </cfRule>
  </conditionalFormatting>
  <conditionalFormatting sqref="D121">
    <cfRule type="containsBlanks" dxfId="54" priority="60">
      <formula>LEN(TRIM(D121))=0</formula>
    </cfRule>
  </conditionalFormatting>
  <conditionalFormatting sqref="D133:D134">
    <cfRule type="containsBlanks" dxfId="53" priority="55">
      <formula>LEN(TRIM(D133))=0</formula>
    </cfRule>
  </conditionalFormatting>
  <conditionalFormatting sqref="D132">
    <cfRule type="containsBlanks" dxfId="52" priority="56">
      <formula>LEN(TRIM(D132))=0</formula>
    </cfRule>
  </conditionalFormatting>
  <conditionalFormatting sqref="D122">
    <cfRule type="containsBlanks" dxfId="51" priority="59">
      <formula>LEN(TRIM(D122))=0</formula>
    </cfRule>
  </conditionalFormatting>
  <conditionalFormatting sqref="D118">
    <cfRule type="containsBlanks" dxfId="50" priority="58">
      <formula>LEN(TRIM(D118))=0</formula>
    </cfRule>
  </conditionalFormatting>
  <conditionalFormatting sqref="D119:D120">
    <cfRule type="containsBlanks" dxfId="49" priority="57">
      <formula>LEN(TRIM(D119))=0</formula>
    </cfRule>
  </conditionalFormatting>
  <conditionalFormatting sqref="D130">
    <cfRule type="containsBlanks" dxfId="48" priority="54">
      <formula>LEN(TRIM(D130))=0</formula>
    </cfRule>
  </conditionalFormatting>
  <conditionalFormatting sqref="D128:D129">
    <cfRule type="containsBlanks" dxfId="47" priority="51">
      <formula>LEN(TRIM(D128))=0</formula>
    </cfRule>
  </conditionalFormatting>
  <conditionalFormatting sqref="D131">
    <cfRule type="containsBlanks" dxfId="46" priority="53">
      <formula>LEN(TRIM(D131))=0</formula>
    </cfRule>
  </conditionalFormatting>
  <conditionalFormatting sqref="D127">
    <cfRule type="containsBlanks" dxfId="45" priority="52">
      <formula>LEN(TRIM(D127))=0</formula>
    </cfRule>
  </conditionalFormatting>
  <conditionalFormatting sqref="D136">
    <cfRule type="containsBlanks" dxfId="44" priority="46">
      <formula>LEN(TRIM(D136))=0</formula>
    </cfRule>
  </conditionalFormatting>
  <conditionalFormatting sqref="D143">
    <cfRule type="containsBlanks" dxfId="43" priority="41">
      <formula>LEN(TRIM(D143))=0</formula>
    </cfRule>
  </conditionalFormatting>
  <conditionalFormatting sqref="D137">
    <cfRule type="containsBlanks" dxfId="42" priority="45">
      <formula>LEN(TRIM(D137))=0</formula>
    </cfRule>
  </conditionalFormatting>
  <conditionalFormatting sqref="D157">
    <cfRule type="containsBlanks" dxfId="41" priority="43">
      <formula>LEN(TRIM(D157))=0</formula>
    </cfRule>
  </conditionalFormatting>
  <conditionalFormatting sqref="D142">
    <cfRule type="containsBlanks" dxfId="40" priority="42">
      <formula>LEN(TRIM(D142))=0</formula>
    </cfRule>
  </conditionalFormatting>
  <conditionalFormatting sqref="D139">
    <cfRule type="containsBlanks" dxfId="39" priority="40">
      <formula>LEN(TRIM(D139))=0</formula>
    </cfRule>
  </conditionalFormatting>
  <conditionalFormatting sqref="D140:D141">
    <cfRule type="containsBlanks" dxfId="38" priority="39">
      <formula>LEN(TRIM(D140))=0</formula>
    </cfRule>
  </conditionalFormatting>
  <conditionalFormatting sqref="D156">
    <cfRule type="containsBlanks" dxfId="37" priority="44">
      <formula>LEN(TRIM(D156))=0</formula>
    </cfRule>
  </conditionalFormatting>
  <conditionalFormatting sqref="D155">
    <cfRule type="containsBlanks" dxfId="36" priority="35">
      <formula>LEN(TRIM(D155))=0</formula>
    </cfRule>
  </conditionalFormatting>
  <conditionalFormatting sqref="D148:D149">
    <cfRule type="containsBlanks" dxfId="35" priority="33">
      <formula>LEN(TRIM(D148))=0</formula>
    </cfRule>
  </conditionalFormatting>
  <conditionalFormatting sqref="D165">
    <cfRule type="containsBlanks" dxfId="34" priority="29">
      <formula>LEN(TRIM(D165))=0</formula>
    </cfRule>
  </conditionalFormatting>
  <conditionalFormatting sqref="D163">
    <cfRule type="containsBlanks" dxfId="33" priority="25">
      <formula>LEN(TRIM(D163))=0</formula>
    </cfRule>
  </conditionalFormatting>
  <conditionalFormatting sqref="D153:D154">
    <cfRule type="containsBlanks" dxfId="32" priority="36">
      <formula>LEN(TRIM(D153))=0</formula>
    </cfRule>
  </conditionalFormatting>
  <conditionalFormatting sqref="D147">
    <cfRule type="containsBlanks" dxfId="31" priority="34">
      <formula>LEN(TRIM(D147))=0</formula>
    </cfRule>
  </conditionalFormatting>
  <conditionalFormatting sqref="D150">
    <cfRule type="containsBlanks" dxfId="30" priority="32">
      <formula>LEN(TRIM(D150))=0</formula>
    </cfRule>
  </conditionalFormatting>
  <conditionalFormatting sqref="D145">
    <cfRule type="containsBlanks" dxfId="29" priority="38">
      <formula>LEN(TRIM(D145))=0</formula>
    </cfRule>
  </conditionalFormatting>
  <conditionalFormatting sqref="D151">
    <cfRule type="containsBlanks" dxfId="28" priority="31">
      <formula>LEN(TRIM(D151))=0</formula>
    </cfRule>
  </conditionalFormatting>
  <conditionalFormatting sqref="D160:D161">
    <cfRule type="containsBlanks" dxfId="27" priority="27">
      <formula>LEN(TRIM(D160))=0</formula>
    </cfRule>
  </conditionalFormatting>
  <conditionalFormatting sqref="D152">
    <cfRule type="containsBlanks" dxfId="26" priority="37">
      <formula>LEN(TRIM(D152))=0</formula>
    </cfRule>
  </conditionalFormatting>
  <conditionalFormatting sqref="D174:D175">
    <cfRule type="containsBlanks" dxfId="25" priority="19">
      <formula>LEN(TRIM(D174))=0</formula>
    </cfRule>
  </conditionalFormatting>
  <conditionalFormatting sqref="D159">
    <cfRule type="containsBlanks" dxfId="24" priority="28">
      <formula>LEN(TRIM(D159))=0</formula>
    </cfRule>
  </conditionalFormatting>
  <conditionalFormatting sqref="D162">
    <cfRule type="containsBlanks" dxfId="23" priority="26">
      <formula>LEN(TRIM(D162))=0</formula>
    </cfRule>
  </conditionalFormatting>
  <conditionalFormatting sqref="D164">
    <cfRule type="containsBlanks" dxfId="22" priority="30">
      <formula>LEN(TRIM(D164))=0</formula>
    </cfRule>
  </conditionalFormatting>
  <conditionalFormatting sqref="D171">
    <cfRule type="containsBlanks" dxfId="21" priority="21">
      <formula>LEN(TRIM(D171))=0</formula>
    </cfRule>
  </conditionalFormatting>
  <conditionalFormatting sqref="D168:D169">
    <cfRule type="containsBlanks" dxfId="20" priority="23">
      <formula>LEN(TRIM(D168))=0</formula>
    </cfRule>
  </conditionalFormatting>
  <conditionalFormatting sqref="D184">
    <cfRule type="containsBlanks" dxfId="19" priority="15">
      <formula>LEN(TRIM(D184))=0</formula>
    </cfRule>
  </conditionalFormatting>
  <conditionalFormatting sqref="D167">
    <cfRule type="containsBlanks" dxfId="18" priority="24">
      <formula>LEN(TRIM(D167))=0</formula>
    </cfRule>
  </conditionalFormatting>
  <conditionalFormatting sqref="D170">
    <cfRule type="containsBlanks" dxfId="17" priority="22">
      <formula>LEN(TRIM(D170))=0</formula>
    </cfRule>
  </conditionalFormatting>
  <conditionalFormatting sqref="D192">
    <cfRule type="containsBlanks" dxfId="16" priority="9">
      <formula>LEN(TRIM(D192))=0</formula>
    </cfRule>
  </conditionalFormatting>
  <conditionalFormatting sqref="D183">
    <cfRule type="containsBlanks" dxfId="15" priority="16">
      <formula>LEN(TRIM(D183))=0</formula>
    </cfRule>
  </conditionalFormatting>
  <conditionalFormatting sqref="D179:D180">
    <cfRule type="containsBlanks" dxfId="14" priority="13">
      <formula>LEN(TRIM(D179))=0</formula>
    </cfRule>
  </conditionalFormatting>
  <conditionalFormatting sqref="D173">
    <cfRule type="containsBlanks" dxfId="13" priority="20">
      <formula>LEN(TRIM(D173))=0</formula>
    </cfRule>
  </conditionalFormatting>
  <conditionalFormatting sqref="D176">
    <cfRule type="containsBlanks" dxfId="12" priority="18">
      <formula>LEN(TRIM(D176))=0</formula>
    </cfRule>
  </conditionalFormatting>
  <conditionalFormatting sqref="D182">
    <cfRule type="containsBlanks" dxfId="11" priority="11">
      <formula>LEN(TRIM(D182))=0</formula>
    </cfRule>
  </conditionalFormatting>
  <conditionalFormatting sqref="D178">
    <cfRule type="containsBlanks" dxfId="10" priority="14">
      <formula>LEN(TRIM(D178))=0</formula>
    </cfRule>
  </conditionalFormatting>
  <conditionalFormatting sqref="D181">
    <cfRule type="containsBlanks" dxfId="9" priority="12">
      <formula>LEN(TRIM(D181))=0</formula>
    </cfRule>
  </conditionalFormatting>
  <conditionalFormatting sqref="D190">
    <cfRule type="containsBlanks" dxfId="8" priority="5">
      <formula>LEN(TRIM(D190))=0</formula>
    </cfRule>
  </conditionalFormatting>
  <conditionalFormatting sqref="D187:D188">
    <cfRule type="containsBlanks" dxfId="7" priority="7">
      <formula>LEN(TRIM(D187))=0</formula>
    </cfRule>
  </conditionalFormatting>
  <conditionalFormatting sqref="D186">
    <cfRule type="containsBlanks" dxfId="6" priority="8">
      <formula>LEN(TRIM(D186))=0</formula>
    </cfRule>
  </conditionalFormatting>
  <conditionalFormatting sqref="D189">
    <cfRule type="containsBlanks" dxfId="5" priority="6">
      <formula>LEN(TRIM(D189))=0</formula>
    </cfRule>
  </conditionalFormatting>
  <conditionalFormatting sqref="D191">
    <cfRule type="containsBlanks" dxfId="4" priority="10">
      <formula>LEN(TRIM(D191))=0</formula>
    </cfRule>
  </conditionalFormatting>
  <conditionalFormatting sqref="D227">
    <cfRule type="containsBlanks" dxfId="3" priority="4">
      <formula>LEN(TRIM(D227))=0</formula>
    </cfRule>
  </conditionalFormatting>
  <conditionalFormatting sqref="D61">
    <cfRule type="containsBlanks" dxfId="2" priority="2">
      <formula>LEN(TRIM(D61))=0</formula>
    </cfRule>
  </conditionalFormatting>
  <conditionalFormatting sqref="D60">
    <cfRule type="containsBlanks" dxfId="1" priority="3">
      <formula>LEN(TRIM(D60))=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51</xdr:row>
                    <xdr:rowOff>9525</xdr:rowOff>
                  </from>
                  <to>
                    <xdr:col>1</xdr:col>
                    <xdr:colOff>885825</xdr:colOff>
                    <xdr:row>5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52</xdr:row>
                    <xdr:rowOff>0</xdr:rowOff>
                  </from>
                  <to>
                    <xdr:col>1</xdr:col>
                    <xdr:colOff>885825</xdr:colOff>
                    <xdr:row>5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4-05T07:17:38Z</cp:lastPrinted>
  <dcterms:created xsi:type="dcterms:W3CDTF">2017-04-21T05:51:15Z</dcterms:created>
  <dcterms:modified xsi:type="dcterms:W3CDTF">2024-06-14T08:11:01Z</dcterms:modified>
</cp:coreProperties>
</file>